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73" r:id="rId1"/>
  </p:sldMasterIdLst>
  <p:notesMasterIdLst>
    <p:notesMasterId r:id="rId26"/>
  </p:notesMasterIdLst>
  <p:sldIdLst>
    <p:sldId id="267" r:id="rId2"/>
    <p:sldId id="331" r:id="rId3"/>
    <p:sldId id="348" r:id="rId4"/>
    <p:sldId id="313" r:id="rId5"/>
    <p:sldId id="271" r:id="rId6"/>
    <p:sldId id="339" r:id="rId7"/>
    <p:sldId id="340" r:id="rId8"/>
    <p:sldId id="341" r:id="rId9"/>
    <p:sldId id="371" r:id="rId10"/>
    <p:sldId id="342" r:id="rId11"/>
    <p:sldId id="336" r:id="rId12"/>
    <p:sldId id="363" r:id="rId13"/>
    <p:sldId id="365" r:id="rId14"/>
    <p:sldId id="374" r:id="rId15"/>
    <p:sldId id="322" r:id="rId16"/>
    <p:sldId id="361" r:id="rId17"/>
    <p:sldId id="375" r:id="rId18"/>
    <p:sldId id="345" r:id="rId19"/>
    <p:sldId id="338" r:id="rId20"/>
    <p:sldId id="315" r:id="rId21"/>
    <p:sldId id="347" r:id="rId22"/>
    <p:sldId id="319" r:id="rId23"/>
    <p:sldId id="320" r:id="rId24"/>
    <p:sldId id="346" r:id="rId25"/>
  </p:sldIdLst>
  <p:sldSz cx="12192000" cy="6858000"/>
  <p:notesSz cx="6797675" cy="9928225"/>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CDF41"/>
    <a:srgbClr val="000000"/>
    <a:srgbClr val="FC9E77"/>
    <a:srgbClr val="BDF828"/>
    <a:srgbClr val="4BDBC3"/>
    <a:srgbClr val="0085A1"/>
    <a:srgbClr val="333091"/>
    <a:srgbClr val="4BD8C3"/>
    <a:srgbClr val="866E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073A0DAA-6AF3-43AB-8588-CEC1D06C72B9}">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87" autoAdjust="0"/>
    <p:restoredTop sz="63833" autoAdjust="0"/>
  </p:normalViewPr>
  <p:slideViewPr>
    <p:cSldViewPr snapToGrid="0" snapToObjects="1" showGuides="1">
      <p:cViewPr varScale="1">
        <p:scale>
          <a:sx n="42" d="100"/>
          <a:sy n="42" d="100"/>
        </p:scale>
        <p:origin x="1604" y="48"/>
      </p:cViewPr>
      <p:guideLst>
        <p:guide orient="horz" pos="2160"/>
        <p:guide pos="384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presProps" Target="presProps.xml"/><Relationship Id="rId30"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3_3">
  <dgm:title val=""/>
  <dgm:desc val=""/>
  <dgm:catLst>
    <dgm:cat type="accent3" pri="11300"/>
  </dgm:catLst>
  <dgm:styleLbl name="node0">
    <dgm:fillClrLst meth="repeat">
      <a:schemeClr val="accent3">
        <a:shade val="80000"/>
      </a:schemeClr>
    </dgm:fillClrLst>
    <dgm:linClrLst meth="repeat">
      <a:schemeClr val="lt1"/>
    </dgm:linClrLst>
    <dgm:effectClrLst/>
    <dgm:txLinClrLst/>
    <dgm:txFillClrLst/>
    <dgm:txEffectClrLst/>
  </dgm:styleLbl>
  <dgm:styleLbl name="node1">
    <dgm:fillClrLst>
      <a:schemeClr val="accent3">
        <a:shade val="80000"/>
      </a:schemeClr>
      <a:schemeClr val="accent3">
        <a:tint val="70000"/>
      </a:schemeClr>
    </dgm:fillClrLst>
    <dgm:linClrLst meth="repeat">
      <a:schemeClr val="lt1"/>
    </dgm:linClrLst>
    <dgm:effectClrLst/>
    <dgm:txLinClrLst/>
    <dgm:txFillClrLst/>
    <dgm:txEffectClrLst/>
  </dgm:styleLbl>
  <dgm:styleLbl name="alignNode1">
    <dgm:fillClrLst>
      <a:schemeClr val="accent3">
        <a:shade val="80000"/>
      </a:schemeClr>
      <a:schemeClr val="accent3">
        <a:tint val="70000"/>
      </a:schemeClr>
    </dgm:fillClrLst>
    <dgm:linClrLst>
      <a:schemeClr val="accent3">
        <a:shade val="80000"/>
      </a:schemeClr>
      <a:schemeClr val="accent3">
        <a:tint val="70000"/>
      </a:schemeClr>
    </dgm:linClrLst>
    <dgm:effectClrLst/>
    <dgm:txLinClrLst/>
    <dgm:txFillClrLst/>
    <dgm:txEffectClrLst/>
  </dgm:styleLbl>
  <dgm:styleLbl name="lnNode1">
    <dgm:fillClrLst>
      <a:schemeClr val="accent3">
        <a:shade val="80000"/>
      </a:schemeClr>
      <a:schemeClr val="accent3">
        <a:tint val="70000"/>
      </a:schemeClr>
    </dgm:fillClrLst>
    <dgm:linClrLst meth="repeat">
      <a:schemeClr val="lt1"/>
    </dgm:linClrLst>
    <dgm:effectClrLst/>
    <dgm:txLinClrLst/>
    <dgm:txFillClrLst/>
    <dgm:txEffectClrLst/>
  </dgm:styleLbl>
  <dgm:styleLbl name="vennNode1">
    <dgm:fillClrLst>
      <a:schemeClr val="accent3">
        <a:shade val="80000"/>
        <a:alpha val="50000"/>
      </a:schemeClr>
      <a:schemeClr val="accent3">
        <a:tint val="70000"/>
        <a:alpha val="50000"/>
      </a:schemeClr>
    </dgm:fillClrLst>
    <dgm:linClrLst meth="repeat">
      <a:schemeClr val="lt1"/>
    </dgm:linClrLst>
    <dgm:effectClrLst/>
    <dgm:txLinClrLst/>
    <dgm:txFillClrLst/>
    <dgm:txEffectClrLst/>
  </dgm:styleLbl>
  <dgm:styleLbl name="node2">
    <dgm:fillClrLst>
      <a:schemeClr val="accent3">
        <a:tint val="99000"/>
      </a:schemeClr>
    </dgm:fillClrLst>
    <dgm:linClrLst meth="repeat">
      <a:schemeClr val="lt1"/>
    </dgm:linClrLst>
    <dgm:effectClrLst/>
    <dgm:txLinClrLst/>
    <dgm:txFillClrLst/>
    <dgm:txEffectClrLst/>
  </dgm:styleLbl>
  <dgm:styleLbl name="node3">
    <dgm:fillClrLst>
      <a:schemeClr val="accent3">
        <a:tint val="80000"/>
      </a:schemeClr>
    </dgm:fillClrLst>
    <dgm:linClrLst meth="repeat">
      <a:schemeClr val="lt1"/>
    </dgm:linClrLst>
    <dgm:effectClrLst/>
    <dgm:txLinClrLst/>
    <dgm:txFillClrLst/>
    <dgm:txEffectClrLst/>
  </dgm:styleLbl>
  <dgm:styleLbl name="node4">
    <dgm:fillClrLst>
      <a:schemeClr val="accent3">
        <a:tint val="70000"/>
      </a:schemeClr>
    </dgm:fillClrLst>
    <dgm:linClrLst meth="repeat">
      <a:schemeClr val="lt1"/>
    </dgm:linClrLst>
    <dgm:effectClrLst/>
    <dgm:txLinClrLst/>
    <dgm:txFillClrLst/>
    <dgm:txEffectClrLst/>
  </dgm:styleLbl>
  <dgm:styleLbl name="f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dgm:txEffectClrLst/>
  </dgm:styleLbl>
  <dgm:styleLbl name="f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bgSibTrans2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lt1"/>
    </dgm:txFillClrLst>
    <dgm:txEffectClrLst/>
  </dgm:styleLbl>
  <dgm:styleLbl name="sibTrans1D1">
    <dgm:fillClrLst>
      <a:schemeClr val="accent3">
        <a:shade val="90000"/>
      </a:schemeClr>
      <a:schemeClr val="accent3">
        <a:tint val="70000"/>
      </a:schemeClr>
    </dgm:fillClrLst>
    <dgm:linClrLst>
      <a:schemeClr val="accent3">
        <a:shade val="90000"/>
      </a:schemeClr>
      <a:schemeClr val="accent3">
        <a:tint val="70000"/>
      </a:schemeClr>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accent3">
        <a:shade val="80000"/>
      </a:schemeClr>
    </dgm:fillClrLst>
    <dgm:linClrLst meth="repeat">
      <a:schemeClr val="lt1"/>
    </dgm:linClrLst>
    <dgm:effectClrLst/>
    <dgm:txLinClrLst/>
    <dgm:txFillClrLst/>
    <dgm:txEffectClrLst/>
  </dgm:styleLbl>
  <dgm:styleLbl name="asst1">
    <dgm:fillClrLst meth="repeat">
      <a:schemeClr val="accent3">
        <a:shade val="80000"/>
      </a:schemeClr>
    </dgm:fillClrLst>
    <dgm:linClrLst meth="repeat">
      <a:schemeClr val="lt1"/>
    </dgm:linClrLst>
    <dgm:effectClrLst/>
    <dgm:txLinClrLst/>
    <dgm:txFillClrLst/>
    <dgm:txEffectClrLst/>
  </dgm:styleLbl>
  <dgm:styleLbl name="asst2">
    <dgm:fillClrLst>
      <a:schemeClr val="accent3">
        <a:tint val="99000"/>
      </a:schemeClr>
    </dgm:fillClrLst>
    <dgm:linClrLst meth="repeat">
      <a:schemeClr val="lt1"/>
    </dgm:linClrLst>
    <dgm:effectClrLst/>
    <dgm:txLinClrLst/>
    <dgm:txFillClrLst/>
    <dgm:txEffectClrLst/>
  </dgm:styleLbl>
  <dgm:styleLbl name="asst3">
    <dgm:fillClrLst>
      <a:schemeClr val="accent3">
        <a:tint val="80000"/>
      </a:schemeClr>
    </dgm:fillClrLst>
    <dgm:linClrLst meth="repeat">
      <a:schemeClr val="lt1"/>
    </dgm:linClrLst>
    <dgm:effectClrLst/>
    <dgm:txLinClrLst/>
    <dgm:txFillClrLst/>
    <dgm:txEffectClrLst/>
  </dgm:styleLbl>
  <dgm:styleLbl name="asst4">
    <dgm:fillClrLst>
      <a:schemeClr val="accent3">
        <a:tint val="70000"/>
      </a:schemeClr>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a:tint val="90000"/>
      </a:schemeClr>
    </dgm:fillClrLst>
    <dgm:linClrLst meth="repeat">
      <a:schemeClr val="accent3">
        <a:tint val="90000"/>
      </a:schemeClr>
    </dgm:linClrLst>
    <dgm:effectClrLst/>
    <dgm:txLinClrLst/>
    <dgm:txFillClrLst/>
    <dgm:txEffectClrLst/>
  </dgm:styleLbl>
  <dgm:styleLbl name="parChTrans2D3">
    <dgm:fillClrLst meth="repeat">
      <a:schemeClr val="accent3">
        <a:tint val="70000"/>
      </a:schemeClr>
    </dgm:fillClrLst>
    <dgm:linClrLst meth="repeat">
      <a:schemeClr val="accent3">
        <a:tint val="70000"/>
      </a:schemeClr>
    </dgm:linClrLst>
    <dgm:effectClrLst/>
    <dgm:txLinClrLst/>
    <dgm:txFillClrLst/>
    <dgm:txEffectClrLst/>
  </dgm:styleLbl>
  <dgm:styleLbl name="parChTrans2D4">
    <dgm:fillClrLst meth="repeat">
      <a:schemeClr val="accent3">
        <a:tint val="50000"/>
      </a:schemeClr>
    </dgm:fillClrLst>
    <dgm:linClrLst meth="repeat">
      <a:schemeClr val="accent3">
        <a:tint val="50000"/>
      </a:schemeClr>
    </dgm:linClrLst>
    <dgm:effectClrLst/>
    <dgm:txLinClrLst/>
    <dgm:txFillClrLst meth="repeat">
      <a:schemeClr val="lt1"/>
    </dgm:txFillClrLst>
    <dgm:txEffectClrLst/>
  </dgm:styleLbl>
  <dgm:styleLbl name="parChTrans1D1">
    <dgm:fillClrLst meth="repeat">
      <a:schemeClr val="accent3">
        <a:shade val="80000"/>
      </a:schemeClr>
    </dgm:fillClrLst>
    <dgm:linClrLst meth="repeat">
      <a:schemeClr val="accent3">
        <a:shade val="80000"/>
      </a:schemeClr>
    </dgm:linClrLst>
    <dgm:effectClrLst/>
    <dgm:txLinClrLst/>
    <dgm:txFillClrLst meth="repeat">
      <a:schemeClr val="tx1"/>
    </dgm:txFillClrLst>
    <dgm:txEffectClrLst/>
  </dgm:styleLbl>
  <dgm:styleLbl name="parChTrans1D2">
    <dgm:fillClrLst meth="repeat">
      <a:schemeClr val="accent3">
        <a:tint val="99000"/>
      </a:schemeClr>
    </dgm:fillClrLst>
    <dgm:linClrLst meth="repeat">
      <a:schemeClr val="accent3">
        <a:tint val="99000"/>
      </a:schemeClr>
    </dgm:linClrLst>
    <dgm:effectClrLst/>
    <dgm:txLinClrLst/>
    <dgm:txFillClrLst meth="repeat">
      <a:schemeClr val="tx1"/>
    </dgm:txFillClrLst>
    <dgm:txEffectClrLst/>
  </dgm:styleLbl>
  <dgm:styleLbl name="parChTrans1D3">
    <dgm:fillClrLst meth="repeat">
      <a:schemeClr val="accent3">
        <a:tint val="80000"/>
      </a:schemeClr>
    </dgm:fillClrLst>
    <dgm:linClrLst meth="repeat">
      <a:schemeClr val="accent3">
        <a:tint val="80000"/>
      </a:schemeClr>
    </dgm:linClrLst>
    <dgm:effectClrLst/>
    <dgm:txLinClrLst/>
    <dgm:txFillClrLst meth="repeat">
      <a:schemeClr val="tx1"/>
    </dgm:txFillClrLst>
    <dgm:txEffectClrLst/>
  </dgm:styleLbl>
  <dgm:styleLbl name="parChTrans1D4">
    <dgm:fillClrLst meth="repeat">
      <a:schemeClr val="accent3">
        <a:tint val="70000"/>
      </a:schemeClr>
    </dgm:fillClrLst>
    <dgm:linClrLst meth="repeat">
      <a:schemeClr val="accent3">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3">
        <a:shade val="80000"/>
      </a:schemeClr>
      <a:schemeClr val="accent3">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a:tint val="70000"/>
      </a:schemeClr>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3D42999-2866-42DD-B696-F75A7E64301D}" type="doc">
      <dgm:prSet loTypeId="urn:microsoft.com/office/officeart/2005/8/layout/venn1" loCatId="relationship" qsTypeId="urn:microsoft.com/office/officeart/2005/8/quickstyle/simple1" qsCatId="simple" csTypeId="urn:microsoft.com/office/officeart/2005/8/colors/accent1_2" csCatId="accent1" phldr="1"/>
      <dgm:spPr/>
    </dgm:pt>
    <dgm:pt modelId="{E5DBB59F-1C17-4431-B330-35044F674767}" type="pres">
      <dgm:prSet presAssocID="{F3D42999-2866-42DD-B696-F75A7E64301D}" presName="compositeShape" presStyleCnt="0">
        <dgm:presLayoutVars>
          <dgm:chMax val="7"/>
          <dgm:dir/>
          <dgm:resizeHandles val="exact"/>
        </dgm:presLayoutVars>
      </dgm:prSet>
      <dgm:spPr/>
    </dgm:pt>
  </dgm:ptLst>
  <dgm:cxnLst>
    <dgm:cxn modelId="{AED6CB95-6B7D-405C-9116-C193076C4DA8}" type="presOf" srcId="{F3D42999-2866-42DD-B696-F75A7E64301D}" destId="{E5DBB59F-1C17-4431-B330-35044F674767}" srcOrd="0"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4EA63E8-A93E-4C4B-8D9A-98FD2DA11AB0}" type="doc">
      <dgm:prSet loTypeId="urn:microsoft.com/office/officeart/2005/8/layout/radial4" loCatId="relationship" qsTypeId="urn:microsoft.com/office/officeart/2005/8/quickstyle/simple1" qsCatId="simple" csTypeId="urn:microsoft.com/office/officeart/2005/8/colors/accent1_2" csCatId="accent1" phldr="1"/>
      <dgm:spPr/>
      <dgm:t>
        <a:bodyPr/>
        <a:lstStyle/>
        <a:p>
          <a:endParaRPr lang="da-DK"/>
        </a:p>
      </dgm:t>
    </dgm:pt>
    <dgm:pt modelId="{2BD23A92-31FA-432F-B6A2-BB4CDA5E4FAB}">
      <dgm:prSet phldrT="[Tekst]" custT="1"/>
      <dgm:spPr/>
      <dgm:t>
        <a:bodyPr/>
        <a:lstStyle/>
        <a:p>
          <a:r>
            <a:rPr lang="da-DK" sz="1400" b="1" dirty="0"/>
            <a:t>ORGANISATORISKE</a:t>
          </a:r>
        </a:p>
        <a:p>
          <a:r>
            <a:rPr lang="da-DK" sz="1400" b="1" dirty="0"/>
            <a:t>SUNDHEDS-</a:t>
          </a:r>
        </a:p>
        <a:p>
          <a:r>
            <a:rPr lang="da-DK" sz="1400" b="1" dirty="0"/>
            <a:t>KOMPETENCER</a:t>
          </a:r>
        </a:p>
      </dgm:t>
    </dgm:pt>
    <dgm:pt modelId="{F9D2FD1D-6510-4D1B-B7E5-F056CA2DB4A9}" type="parTrans" cxnId="{15366C86-31CD-47E6-A669-327B27497F90}">
      <dgm:prSet/>
      <dgm:spPr/>
      <dgm:t>
        <a:bodyPr/>
        <a:lstStyle/>
        <a:p>
          <a:endParaRPr lang="da-DK"/>
        </a:p>
      </dgm:t>
    </dgm:pt>
    <dgm:pt modelId="{581C887F-E2D3-4F46-8869-54530D013EED}" type="sibTrans" cxnId="{15366C86-31CD-47E6-A669-327B27497F90}">
      <dgm:prSet/>
      <dgm:spPr/>
      <dgm:t>
        <a:bodyPr/>
        <a:lstStyle/>
        <a:p>
          <a:endParaRPr lang="da-DK"/>
        </a:p>
      </dgm:t>
    </dgm:pt>
    <dgm:pt modelId="{B1BD2106-A2C0-4923-AB54-91778FF5045B}">
      <dgm:prSet phldrT="[Tekst]" custT="1"/>
      <dgm:spPr/>
      <dgm:t>
        <a:bodyPr/>
        <a:lstStyle/>
        <a:p>
          <a:pPr algn="ctr"/>
          <a:r>
            <a:rPr lang="da-DK" sz="1200" b="1" dirty="0">
              <a:solidFill>
                <a:srgbClr val="F6FBAF"/>
              </a:solidFill>
            </a:rPr>
            <a:t>DIALOG</a:t>
          </a:r>
        </a:p>
        <a:p>
          <a:pPr algn="l"/>
          <a:r>
            <a:rPr lang="da-DK" sz="1200" b="0" dirty="0">
              <a:solidFill>
                <a:srgbClr val="F6FBAF"/>
              </a:solidFill>
              <a:latin typeface="Verdana"/>
              <a:cs typeface="Verdana"/>
            </a:rPr>
            <a:t>-Nuværende sundhedsforståelse </a:t>
          </a:r>
        </a:p>
        <a:p>
          <a:pPr algn="l"/>
          <a:r>
            <a:rPr lang="da-DK" sz="1200" b="0" dirty="0">
              <a:solidFill>
                <a:srgbClr val="F6FBAF"/>
              </a:solidFill>
              <a:latin typeface="Verdana"/>
              <a:cs typeface="Verdana"/>
            </a:rPr>
            <a:t>-Støttende relationer (sundhedsprof/privat) </a:t>
          </a:r>
        </a:p>
        <a:p>
          <a:pPr algn="l"/>
          <a:r>
            <a:rPr lang="da-DK" sz="1200" b="0" dirty="0">
              <a:solidFill>
                <a:srgbClr val="F6FBAF"/>
              </a:solidFill>
              <a:latin typeface="Verdana"/>
              <a:cs typeface="Verdana"/>
            </a:rPr>
            <a:t>-Adgang til og forståelse af sundhedsinfo (også digitalt) </a:t>
          </a:r>
        </a:p>
        <a:p>
          <a:pPr algn="l"/>
          <a:r>
            <a:rPr lang="da-DK" sz="1200" b="0" dirty="0">
              <a:solidFill>
                <a:srgbClr val="F6FBAF"/>
              </a:solidFill>
              <a:latin typeface="Verdana"/>
              <a:cs typeface="Verdana"/>
            </a:rPr>
            <a:t>-Nuværende sundhedsadfærd</a:t>
          </a:r>
        </a:p>
        <a:p>
          <a:pPr algn="l"/>
          <a:r>
            <a:rPr lang="da-DK" sz="1200" b="0" dirty="0">
              <a:solidFill>
                <a:srgbClr val="F6FBAF"/>
              </a:solidFill>
              <a:latin typeface="Verdana"/>
              <a:cs typeface="Verdana"/>
            </a:rPr>
            <a:t>-Behov og motivation</a:t>
          </a:r>
          <a:endParaRPr lang="da-DK" sz="1200" b="0" dirty="0">
            <a:solidFill>
              <a:srgbClr val="F6FBAF"/>
            </a:solidFill>
          </a:endParaRPr>
        </a:p>
      </dgm:t>
    </dgm:pt>
    <dgm:pt modelId="{CB0E18C6-2F08-4D0C-ADCD-63925509C04D}" type="parTrans" cxnId="{F59F437C-3E88-4D75-BDB9-2C33CF7C5589}">
      <dgm:prSet/>
      <dgm:spPr/>
      <dgm:t>
        <a:bodyPr/>
        <a:lstStyle/>
        <a:p>
          <a:endParaRPr lang="da-DK"/>
        </a:p>
      </dgm:t>
    </dgm:pt>
    <dgm:pt modelId="{A96797B6-471B-4679-9B17-A308A8151938}" type="sibTrans" cxnId="{F59F437C-3E88-4D75-BDB9-2C33CF7C5589}">
      <dgm:prSet/>
      <dgm:spPr/>
      <dgm:t>
        <a:bodyPr/>
        <a:lstStyle/>
        <a:p>
          <a:endParaRPr lang="da-DK"/>
        </a:p>
      </dgm:t>
    </dgm:pt>
    <dgm:pt modelId="{CE016827-2CD6-4FA1-A0F6-995F3A903DAA}">
      <dgm:prSet phldrT="[Tekst]" custT="1"/>
      <dgm:spPr/>
      <dgm:t>
        <a:bodyPr/>
        <a:lstStyle/>
        <a:p>
          <a:r>
            <a:rPr lang="da-DK" sz="1200" b="1" dirty="0">
              <a:solidFill>
                <a:srgbClr val="F6FBAF"/>
              </a:solidFill>
            </a:rPr>
            <a:t>JOURNALISERING</a:t>
          </a:r>
        </a:p>
        <a:p>
          <a:r>
            <a:rPr lang="da-DK" sz="1200" b="0" dirty="0">
              <a:solidFill>
                <a:srgbClr val="F6FBAF"/>
              </a:solidFill>
            </a:rPr>
            <a:t>-Skema til SP</a:t>
          </a:r>
        </a:p>
        <a:p>
          <a:r>
            <a:rPr lang="da-DK" sz="1200" b="0" dirty="0">
              <a:solidFill>
                <a:srgbClr val="F6FBAF"/>
              </a:solidFill>
            </a:rPr>
            <a:t>-Vidensdeling </a:t>
          </a:r>
        </a:p>
      </dgm:t>
    </dgm:pt>
    <dgm:pt modelId="{227CFEF4-3027-48E6-BAFD-084EA2C175F0}" type="parTrans" cxnId="{72BB1298-C2D7-401D-ACBF-3EB189F8D2AE}">
      <dgm:prSet/>
      <dgm:spPr/>
      <dgm:t>
        <a:bodyPr/>
        <a:lstStyle/>
        <a:p>
          <a:endParaRPr lang="da-DK"/>
        </a:p>
      </dgm:t>
    </dgm:pt>
    <dgm:pt modelId="{EB93720F-D9C9-4BC4-A52F-69707B12754B}" type="sibTrans" cxnId="{72BB1298-C2D7-401D-ACBF-3EB189F8D2AE}">
      <dgm:prSet/>
      <dgm:spPr/>
      <dgm:t>
        <a:bodyPr/>
        <a:lstStyle/>
        <a:p>
          <a:endParaRPr lang="da-DK"/>
        </a:p>
      </dgm:t>
    </dgm:pt>
    <dgm:pt modelId="{7B5829D4-B00B-4B2A-8A73-D4F0179A03AD}">
      <dgm:prSet phldrT="[Tekst]" custT="1"/>
      <dgm:spPr/>
      <dgm:t>
        <a:bodyPr/>
        <a:lstStyle/>
        <a:p>
          <a:pPr algn="ctr"/>
          <a:r>
            <a:rPr lang="da-DK" sz="1200" b="1" dirty="0">
              <a:solidFill>
                <a:srgbClr val="F6FBAF"/>
              </a:solidFill>
            </a:rPr>
            <a:t>OPFØLGNING</a:t>
          </a:r>
          <a:endParaRPr lang="da-DK" sz="1200" b="0" dirty="0">
            <a:solidFill>
              <a:srgbClr val="F6FBAF"/>
            </a:solidFill>
          </a:endParaRPr>
        </a:p>
        <a:p>
          <a:pPr algn="l"/>
          <a:r>
            <a:rPr lang="da-DK" sz="1200" b="0" dirty="0">
              <a:solidFill>
                <a:srgbClr val="F6FBAF"/>
              </a:solidFill>
            </a:rPr>
            <a:t>-Mundtlig, skriftlig, visuel vejledning</a:t>
          </a:r>
        </a:p>
        <a:p>
          <a:pPr algn="l"/>
          <a:r>
            <a:rPr lang="da-DK" sz="1200" b="0" dirty="0">
              <a:solidFill>
                <a:srgbClr val="F6FBAF"/>
              </a:solidFill>
            </a:rPr>
            <a:t>-Tilbud her i huset, i kommuner, i civilsamfund</a:t>
          </a:r>
          <a:r>
            <a:rPr lang="da-DK" sz="1200" b="1" dirty="0">
              <a:solidFill>
                <a:srgbClr val="F6FBAF"/>
              </a:solidFill>
            </a:rPr>
            <a:t> </a:t>
          </a:r>
        </a:p>
      </dgm:t>
    </dgm:pt>
    <dgm:pt modelId="{3A5AD74A-7016-4039-844A-59C5B017EC88}" type="parTrans" cxnId="{0D6C1187-1A21-432D-81EB-DB5AD81F05B3}">
      <dgm:prSet/>
      <dgm:spPr/>
      <dgm:t>
        <a:bodyPr/>
        <a:lstStyle/>
        <a:p>
          <a:endParaRPr lang="da-DK"/>
        </a:p>
      </dgm:t>
    </dgm:pt>
    <dgm:pt modelId="{491916F3-0EE4-47F7-90F2-22EF49AC4DF9}" type="sibTrans" cxnId="{0D6C1187-1A21-432D-81EB-DB5AD81F05B3}">
      <dgm:prSet/>
      <dgm:spPr/>
      <dgm:t>
        <a:bodyPr/>
        <a:lstStyle/>
        <a:p>
          <a:endParaRPr lang="da-DK"/>
        </a:p>
      </dgm:t>
    </dgm:pt>
    <dgm:pt modelId="{252EF03A-3A00-4E0B-B47E-FCA24207A6A9}" type="pres">
      <dgm:prSet presAssocID="{94EA63E8-A93E-4C4B-8D9A-98FD2DA11AB0}" presName="cycle" presStyleCnt="0">
        <dgm:presLayoutVars>
          <dgm:chMax val="1"/>
          <dgm:dir/>
          <dgm:animLvl val="ctr"/>
          <dgm:resizeHandles val="exact"/>
        </dgm:presLayoutVars>
      </dgm:prSet>
      <dgm:spPr/>
    </dgm:pt>
    <dgm:pt modelId="{4D771CCA-A60E-4DB1-9B8F-97CB7180209E}" type="pres">
      <dgm:prSet presAssocID="{2BD23A92-31FA-432F-B6A2-BB4CDA5E4FAB}" presName="centerShape" presStyleLbl="node0" presStyleIdx="0" presStyleCnt="1" custScaleX="123864" custScaleY="121366"/>
      <dgm:spPr/>
    </dgm:pt>
    <dgm:pt modelId="{C4C25ACC-B48B-4B6D-801B-BF1035615CB9}" type="pres">
      <dgm:prSet presAssocID="{CB0E18C6-2F08-4D0C-ADCD-63925509C04D}" presName="parTrans" presStyleLbl="bgSibTrans2D1" presStyleIdx="0" presStyleCnt="3"/>
      <dgm:spPr/>
    </dgm:pt>
    <dgm:pt modelId="{5C7504A1-1F20-475E-AC89-26D537415B19}" type="pres">
      <dgm:prSet presAssocID="{B1BD2106-A2C0-4923-AB54-91778FF5045B}" presName="node" presStyleLbl="node1" presStyleIdx="0" presStyleCnt="3" custScaleY="165463" custRadScaleRad="114722" custRadScaleInc="-5822">
        <dgm:presLayoutVars>
          <dgm:bulletEnabled val="1"/>
        </dgm:presLayoutVars>
      </dgm:prSet>
      <dgm:spPr/>
    </dgm:pt>
    <dgm:pt modelId="{79D06011-1E93-4B34-922F-5E70D9A68BE1}" type="pres">
      <dgm:prSet presAssocID="{227CFEF4-3027-48E6-BAFD-084EA2C175F0}" presName="parTrans" presStyleLbl="bgSibTrans2D1" presStyleIdx="1" presStyleCnt="3"/>
      <dgm:spPr/>
    </dgm:pt>
    <dgm:pt modelId="{AF699D3C-ECD2-4346-94E0-16619C5E5162}" type="pres">
      <dgm:prSet presAssocID="{CE016827-2CD6-4FA1-A0F6-995F3A903DAA}" presName="node" presStyleLbl="node1" presStyleIdx="1" presStyleCnt="3">
        <dgm:presLayoutVars>
          <dgm:bulletEnabled val="1"/>
        </dgm:presLayoutVars>
      </dgm:prSet>
      <dgm:spPr/>
    </dgm:pt>
    <dgm:pt modelId="{595DEEC4-2AD0-498C-9474-548641958B22}" type="pres">
      <dgm:prSet presAssocID="{3A5AD74A-7016-4039-844A-59C5B017EC88}" presName="parTrans" presStyleLbl="bgSibTrans2D1" presStyleIdx="2" presStyleCnt="3"/>
      <dgm:spPr/>
    </dgm:pt>
    <dgm:pt modelId="{98A3DC0A-1750-41C5-A788-31F377392137}" type="pres">
      <dgm:prSet presAssocID="{7B5829D4-B00B-4B2A-8A73-D4F0179A03AD}" presName="node" presStyleLbl="node1" presStyleIdx="2" presStyleCnt="3" custScaleY="165028" custRadScaleRad="116766" custRadScaleInc="2256">
        <dgm:presLayoutVars>
          <dgm:bulletEnabled val="1"/>
        </dgm:presLayoutVars>
      </dgm:prSet>
      <dgm:spPr/>
    </dgm:pt>
  </dgm:ptLst>
  <dgm:cxnLst>
    <dgm:cxn modelId="{5F1DB01F-92E4-473C-99BB-C9628EC3FD3B}" type="presOf" srcId="{CE016827-2CD6-4FA1-A0F6-995F3A903DAA}" destId="{AF699D3C-ECD2-4346-94E0-16619C5E5162}" srcOrd="0" destOrd="0" presId="urn:microsoft.com/office/officeart/2005/8/layout/radial4"/>
    <dgm:cxn modelId="{E04B965A-966F-4080-836C-B047749A314C}" type="presOf" srcId="{94EA63E8-A93E-4C4B-8D9A-98FD2DA11AB0}" destId="{252EF03A-3A00-4E0B-B47E-FCA24207A6A9}" srcOrd="0" destOrd="0" presId="urn:microsoft.com/office/officeart/2005/8/layout/radial4"/>
    <dgm:cxn modelId="{F59F437C-3E88-4D75-BDB9-2C33CF7C5589}" srcId="{2BD23A92-31FA-432F-B6A2-BB4CDA5E4FAB}" destId="{B1BD2106-A2C0-4923-AB54-91778FF5045B}" srcOrd="0" destOrd="0" parTransId="{CB0E18C6-2F08-4D0C-ADCD-63925509C04D}" sibTransId="{A96797B6-471B-4679-9B17-A308A8151938}"/>
    <dgm:cxn modelId="{15366C86-31CD-47E6-A669-327B27497F90}" srcId="{94EA63E8-A93E-4C4B-8D9A-98FD2DA11AB0}" destId="{2BD23A92-31FA-432F-B6A2-BB4CDA5E4FAB}" srcOrd="0" destOrd="0" parTransId="{F9D2FD1D-6510-4D1B-B7E5-F056CA2DB4A9}" sibTransId="{581C887F-E2D3-4F46-8869-54530D013EED}"/>
    <dgm:cxn modelId="{458D9486-CC48-4DCD-B5CE-F1DA4B6EED5F}" type="presOf" srcId="{CB0E18C6-2F08-4D0C-ADCD-63925509C04D}" destId="{C4C25ACC-B48B-4B6D-801B-BF1035615CB9}" srcOrd="0" destOrd="0" presId="urn:microsoft.com/office/officeart/2005/8/layout/radial4"/>
    <dgm:cxn modelId="{AE6FDB86-9613-41DB-B04F-D468A82C3BD6}" type="presOf" srcId="{7B5829D4-B00B-4B2A-8A73-D4F0179A03AD}" destId="{98A3DC0A-1750-41C5-A788-31F377392137}" srcOrd="0" destOrd="0" presId="urn:microsoft.com/office/officeart/2005/8/layout/radial4"/>
    <dgm:cxn modelId="{0D6C1187-1A21-432D-81EB-DB5AD81F05B3}" srcId="{2BD23A92-31FA-432F-B6A2-BB4CDA5E4FAB}" destId="{7B5829D4-B00B-4B2A-8A73-D4F0179A03AD}" srcOrd="2" destOrd="0" parTransId="{3A5AD74A-7016-4039-844A-59C5B017EC88}" sibTransId="{491916F3-0EE4-47F7-90F2-22EF49AC4DF9}"/>
    <dgm:cxn modelId="{72BB1298-C2D7-401D-ACBF-3EB189F8D2AE}" srcId="{2BD23A92-31FA-432F-B6A2-BB4CDA5E4FAB}" destId="{CE016827-2CD6-4FA1-A0F6-995F3A903DAA}" srcOrd="1" destOrd="0" parTransId="{227CFEF4-3027-48E6-BAFD-084EA2C175F0}" sibTransId="{EB93720F-D9C9-4BC4-A52F-69707B12754B}"/>
    <dgm:cxn modelId="{8C5DA8B6-CBBF-4788-AB5C-E10BFC5B0D82}" type="presOf" srcId="{2BD23A92-31FA-432F-B6A2-BB4CDA5E4FAB}" destId="{4D771CCA-A60E-4DB1-9B8F-97CB7180209E}" srcOrd="0" destOrd="0" presId="urn:microsoft.com/office/officeart/2005/8/layout/radial4"/>
    <dgm:cxn modelId="{CFE81EC5-1531-4B9B-9719-12E36923BFDF}" type="presOf" srcId="{227CFEF4-3027-48E6-BAFD-084EA2C175F0}" destId="{79D06011-1E93-4B34-922F-5E70D9A68BE1}" srcOrd="0" destOrd="0" presId="urn:microsoft.com/office/officeart/2005/8/layout/radial4"/>
    <dgm:cxn modelId="{E3498FE7-2509-4AEA-ACC3-0B4FA3DC7519}" type="presOf" srcId="{B1BD2106-A2C0-4923-AB54-91778FF5045B}" destId="{5C7504A1-1F20-475E-AC89-26D537415B19}" srcOrd="0" destOrd="0" presId="urn:microsoft.com/office/officeart/2005/8/layout/radial4"/>
    <dgm:cxn modelId="{AAB138EE-456A-46AC-AAB5-68C8941794C3}" type="presOf" srcId="{3A5AD74A-7016-4039-844A-59C5B017EC88}" destId="{595DEEC4-2AD0-498C-9474-548641958B22}" srcOrd="0" destOrd="0" presId="urn:microsoft.com/office/officeart/2005/8/layout/radial4"/>
    <dgm:cxn modelId="{ACCF7795-82DD-44C0-B217-B7F185A8CE7C}" type="presParOf" srcId="{252EF03A-3A00-4E0B-B47E-FCA24207A6A9}" destId="{4D771CCA-A60E-4DB1-9B8F-97CB7180209E}" srcOrd="0" destOrd="0" presId="urn:microsoft.com/office/officeart/2005/8/layout/radial4"/>
    <dgm:cxn modelId="{6EEFAC09-937E-4784-BA73-DAA16FAF6CD3}" type="presParOf" srcId="{252EF03A-3A00-4E0B-B47E-FCA24207A6A9}" destId="{C4C25ACC-B48B-4B6D-801B-BF1035615CB9}" srcOrd="1" destOrd="0" presId="urn:microsoft.com/office/officeart/2005/8/layout/radial4"/>
    <dgm:cxn modelId="{11C054D8-98EF-485B-AE9F-E6AFD79DEABB}" type="presParOf" srcId="{252EF03A-3A00-4E0B-B47E-FCA24207A6A9}" destId="{5C7504A1-1F20-475E-AC89-26D537415B19}" srcOrd="2" destOrd="0" presId="urn:microsoft.com/office/officeart/2005/8/layout/radial4"/>
    <dgm:cxn modelId="{6E482BF2-939F-4A40-8337-E6AAEFE2E2F4}" type="presParOf" srcId="{252EF03A-3A00-4E0B-B47E-FCA24207A6A9}" destId="{79D06011-1E93-4B34-922F-5E70D9A68BE1}" srcOrd="3" destOrd="0" presId="urn:microsoft.com/office/officeart/2005/8/layout/radial4"/>
    <dgm:cxn modelId="{A7FB7D53-5DBC-4F43-AAB7-D9BAAB3F5D2E}" type="presParOf" srcId="{252EF03A-3A00-4E0B-B47E-FCA24207A6A9}" destId="{AF699D3C-ECD2-4346-94E0-16619C5E5162}" srcOrd="4" destOrd="0" presId="urn:microsoft.com/office/officeart/2005/8/layout/radial4"/>
    <dgm:cxn modelId="{9AE8A29B-B7F0-4B20-B6FD-9245FE883E45}" type="presParOf" srcId="{252EF03A-3A00-4E0B-B47E-FCA24207A6A9}" destId="{595DEEC4-2AD0-498C-9474-548641958B22}" srcOrd="5" destOrd="0" presId="urn:microsoft.com/office/officeart/2005/8/layout/radial4"/>
    <dgm:cxn modelId="{5F444040-7A39-443B-BB78-E659772E67E1}" type="presParOf" srcId="{252EF03A-3A00-4E0B-B47E-FCA24207A6A9}" destId="{98A3DC0A-1750-41C5-A788-31F377392137}" srcOrd="6" destOrd="0" presId="urn:microsoft.com/office/officeart/2005/8/layout/radial4"/>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8D639BD-023C-49D5-93E8-7F74CB54AF58}" type="doc">
      <dgm:prSet loTypeId="urn:microsoft.com/office/officeart/2005/8/layout/cycle2" loCatId="cycle" qsTypeId="urn:microsoft.com/office/officeart/2005/8/quickstyle/3d1" qsCatId="3D" csTypeId="urn:microsoft.com/office/officeart/2005/8/colors/accent3_3" csCatId="accent3" phldr="1"/>
      <dgm:spPr/>
      <dgm:t>
        <a:bodyPr/>
        <a:lstStyle/>
        <a:p>
          <a:endParaRPr lang="da-DK"/>
        </a:p>
      </dgm:t>
    </dgm:pt>
    <dgm:pt modelId="{8CD51684-D98A-46E3-876E-DE34CE987BD2}">
      <dgm:prSet phldrT="[Tekst]" custT="1"/>
      <dgm:spPr>
        <a:solidFill>
          <a:srgbClr val="005C42"/>
        </a:solidFill>
      </dgm:spPr>
      <dgm:t>
        <a:bodyPr/>
        <a:lstStyle/>
        <a:p>
          <a:r>
            <a:rPr lang="da-DK" sz="1400" dirty="0">
              <a:latin typeface="Times New Roman" panose="02020603050405020304" pitchFamily="18" charset="0"/>
              <a:cs typeface="Times New Roman" panose="02020603050405020304" pitchFamily="18" charset="0"/>
            </a:rPr>
            <a:t>Nuværende sundhedsfor-</a:t>
          </a:r>
          <a:r>
            <a:rPr lang="da-DK" sz="1400" dirty="0" err="1">
              <a:latin typeface="Times New Roman" panose="02020603050405020304" pitchFamily="18" charset="0"/>
              <a:cs typeface="Times New Roman" panose="02020603050405020304" pitchFamily="18" charset="0"/>
            </a:rPr>
            <a:t>ståelse</a:t>
          </a:r>
          <a:endParaRPr lang="da-DK" sz="1400" dirty="0">
            <a:latin typeface="Times New Roman" panose="02020603050405020304" pitchFamily="18" charset="0"/>
            <a:cs typeface="Times New Roman" panose="02020603050405020304" pitchFamily="18" charset="0"/>
          </a:endParaRPr>
        </a:p>
      </dgm:t>
    </dgm:pt>
    <dgm:pt modelId="{CF3C1EB2-D5EE-45C9-B3CE-E70E8D3343B2}" type="parTrans" cxnId="{D7A48B49-C342-4B12-9318-6157E0B12C5F}">
      <dgm:prSet/>
      <dgm:spPr/>
      <dgm:t>
        <a:bodyPr/>
        <a:lstStyle/>
        <a:p>
          <a:endParaRPr lang="da-DK"/>
        </a:p>
      </dgm:t>
    </dgm:pt>
    <dgm:pt modelId="{7EA87091-8415-4059-80F6-05C2D3927A45}" type="sibTrans" cxnId="{D7A48B49-C342-4B12-9318-6157E0B12C5F}">
      <dgm:prSet/>
      <dgm:spPr/>
      <dgm:t>
        <a:bodyPr/>
        <a:lstStyle/>
        <a:p>
          <a:endParaRPr lang="da-DK"/>
        </a:p>
      </dgm:t>
    </dgm:pt>
    <dgm:pt modelId="{3FD5DB19-865A-4511-9D3D-51B3A49D1969}">
      <dgm:prSet phldrT="[Tekst]" custT="1"/>
      <dgm:spPr>
        <a:solidFill>
          <a:srgbClr val="005C42"/>
        </a:solidFill>
      </dgm:spPr>
      <dgm:t>
        <a:bodyPr/>
        <a:lstStyle/>
        <a:p>
          <a:r>
            <a:rPr lang="da-DK" sz="1400" dirty="0">
              <a:latin typeface="Times New Roman" panose="02020603050405020304" pitchFamily="18" charset="0"/>
              <a:cs typeface="Times New Roman" panose="02020603050405020304" pitchFamily="18" charset="0"/>
            </a:rPr>
            <a:t>Støttende relationer</a:t>
          </a:r>
        </a:p>
      </dgm:t>
    </dgm:pt>
    <dgm:pt modelId="{8A6D8528-CA08-45A0-A456-BAA76D1C26E4}" type="parTrans" cxnId="{CA9A65E0-6FD6-4A7E-87EE-1E87F2AB9F04}">
      <dgm:prSet/>
      <dgm:spPr/>
      <dgm:t>
        <a:bodyPr/>
        <a:lstStyle/>
        <a:p>
          <a:endParaRPr lang="da-DK"/>
        </a:p>
      </dgm:t>
    </dgm:pt>
    <dgm:pt modelId="{75D0CE63-4FCB-47F0-8F70-D12B324524B5}" type="sibTrans" cxnId="{CA9A65E0-6FD6-4A7E-87EE-1E87F2AB9F04}">
      <dgm:prSet/>
      <dgm:spPr/>
      <dgm:t>
        <a:bodyPr/>
        <a:lstStyle/>
        <a:p>
          <a:endParaRPr lang="da-DK"/>
        </a:p>
      </dgm:t>
    </dgm:pt>
    <dgm:pt modelId="{52AD5C6C-DD55-496A-856E-D164FC42D13A}">
      <dgm:prSet phldrT="[Tekst]" custT="1"/>
      <dgm:spPr>
        <a:solidFill>
          <a:srgbClr val="005C42"/>
        </a:solidFill>
      </dgm:spPr>
      <dgm:t>
        <a:bodyPr/>
        <a:lstStyle/>
        <a:p>
          <a:r>
            <a:rPr lang="da-DK" sz="1400" dirty="0">
              <a:latin typeface="Times New Roman" panose="02020603050405020304" pitchFamily="18" charset="0"/>
              <a:cs typeface="Times New Roman" panose="02020603050405020304" pitchFamily="18" charset="0"/>
            </a:rPr>
            <a:t>Adgang til og forståelse af sundhedsinfo</a:t>
          </a:r>
        </a:p>
      </dgm:t>
    </dgm:pt>
    <dgm:pt modelId="{FE1848EC-87C5-4DEE-BEAA-CC600C22261F}" type="parTrans" cxnId="{6C58A19C-C26A-4F2F-9AF2-CF3A299004FA}">
      <dgm:prSet/>
      <dgm:spPr/>
      <dgm:t>
        <a:bodyPr/>
        <a:lstStyle/>
        <a:p>
          <a:endParaRPr lang="da-DK"/>
        </a:p>
      </dgm:t>
    </dgm:pt>
    <dgm:pt modelId="{FFB4A28B-E65D-4234-9588-5D35FECBA0D4}" type="sibTrans" cxnId="{6C58A19C-C26A-4F2F-9AF2-CF3A299004FA}">
      <dgm:prSet/>
      <dgm:spPr/>
      <dgm:t>
        <a:bodyPr/>
        <a:lstStyle/>
        <a:p>
          <a:endParaRPr lang="da-DK"/>
        </a:p>
      </dgm:t>
    </dgm:pt>
    <dgm:pt modelId="{693389DB-8A53-45E5-B534-950E89F4C27C}">
      <dgm:prSet phldrT="[Tekst]" custT="1"/>
      <dgm:spPr>
        <a:solidFill>
          <a:srgbClr val="005C42"/>
        </a:solidFill>
      </dgm:spPr>
      <dgm:t>
        <a:bodyPr/>
        <a:lstStyle/>
        <a:p>
          <a:r>
            <a:rPr lang="da-DK" sz="1400" dirty="0">
              <a:latin typeface="Times New Roman" panose="02020603050405020304" pitchFamily="18" charset="0"/>
              <a:cs typeface="Times New Roman" panose="02020603050405020304" pitchFamily="18" charset="0"/>
            </a:rPr>
            <a:t>Nuværende sundhedsadfærd</a:t>
          </a:r>
        </a:p>
      </dgm:t>
    </dgm:pt>
    <dgm:pt modelId="{2E7A9956-3730-4AD0-AA9E-376CB17582F4}" type="parTrans" cxnId="{823F693E-71E3-4879-B663-33A038918D8E}">
      <dgm:prSet/>
      <dgm:spPr/>
      <dgm:t>
        <a:bodyPr/>
        <a:lstStyle/>
        <a:p>
          <a:endParaRPr lang="da-DK"/>
        </a:p>
      </dgm:t>
    </dgm:pt>
    <dgm:pt modelId="{263EF8C8-640C-430B-AE24-866F41FB8F03}" type="sibTrans" cxnId="{823F693E-71E3-4879-B663-33A038918D8E}">
      <dgm:prSet/>
      <dgm:spPr/>
      <dgm:t>
        <a:bodyPr/>
        <a:lstStyle/>
        <a:p>
          <a:endParaRPr lang="da-DK"/>
        </a:p>
      </dgm:t>
    </dgm:pt>
    <dgm:pt modelId="{0F27D0B7-C762-469A-B632-3119BF6D0DEA}">
      <dgm:prSet phldrT="[Tekst]" custT="1"/>
      <dgm:spPr>
        <a:solidFill>
          <a:srgbClr val="005C42"/>
        </a:solidFill>
      </dgm:spPr>
      <dgm:t>
        <a:bodyPr/>
        <a:lstStyle/>
        <a:p>
          <a:r>
            <a:rPr lang="da-DK" sz="1400" dirty="0">
              <a:latin typeface="Times New Roman" panose="02020603050405020304" pitchFamily="18" charset="0"/>
              <a:cs typeface="Times New Roman" panose="02020603050405020304" pitchFamily="18" charset="0"/>
            </a:rPr>
            <a:t>Behov og motivation</a:t>
          </a:r>
        </a:p>
      </dgm:t>
    </dgm:pt>
    <dgm:pt modelId="{87C7EED0-0ACA-4FE1-B9A6-3EE2179AE878}" type="parTrans" cxnId="{C8B2C22E-0E40-42D5-9A70-7BC13A6C6A3B}">
      <dgm:prSet/>
      <dgm:spPr/>
      <dgm:t>
        <a:bodyPr/>
        <a:lstStyle/>
        <a:p>
          <a:endParaRPr lang="da-DK"/>
        </a:p>
      </dgm:t>
    </dgm:pt>
    <dgm:pt modelId="{59A4EF0D-F67B-449F-A3F3-8765FFEC90B8}" type="sibTrans" cxnId="{C8B2C22E-0E40-42D5-9A70-7BC13A6C6A3B}">
      <dgm:prSet/>
      <dgm:spPr/>
      <dgm:t>
        <a:bodyPr/>
        <a:lstStyle/>
        <a:p>
          <a:endParaRPr lang="da-DK"/>
        </a:p>
      </dgm:t>
    </dgm:pt>
    <dgm:pt modelId="{260426FC-2A45-4DE0-88A4-F5DEAB0895F8}" type="pres">
      <dgm:prSet presAssocID="{C8D639BD-023C-49D5-93E8-7F74CB54AF58}" presName="cycle" presStyleCnt="0">
        <dgm:presLayoutVars>
          <dgm:dir/>
          <dgm:resizeHandles val="exact"/>
        </dgm:presLayoutVars>
      </dgm:prSet>
      <dgm:spPr/>
    </dgm:pt>
    <dgm:pt modelId="{AFC57271-DBB6-4DEE-BB90-F0627E657DB8}" type="pres">
      <dgm:prSet presAssocID="{8CD51684-D98A-46E3-876E-DE34CE987BD2}" presName="node" presStyleLbl="node1" presStyleIdx="0" presStyleCnt="5" custScaleX="106187" custScaleY="113248">
        <dgm:presLayoutVars>
          <dgm:bulletEnabled val="1"/>
        </dgm:presLayoutVars>
      </dgm:prSet>
      <dgm:spPr/>
    </dgm:pt>
    <dgm:pt modelId="{AC612379-4380-4D98-BC43-ED059F11C18A}" type="pres">
      <dgm:prSet presAssocID="{7EA87091-8415-4059-80F6-05C2D3927A45}" presName="sibTrans" presStyleLbl="sibTrans2D1" presStyleIdx="0" presStyleCnt="5"/>
      <dgm:spPr/>
    </dgm:pt>
    <dgm:pt modelId="{C4C70F74-3652-42EA-BF57-F7D3AE95CFDF}" type="pres">
      <dgm:prSet presAssocID="{7EA87091-8415-4059-80F6-05C2D3927A45}" presName="connectorText" presStyleLbl="sibTrans2D1" presStyleIdx="0" presStyleCnt="5"/>
      <dgm:spPr/>
    </dgm:pt>
    <dgm:pt modelId="{07AEB514-756E-4E6A-946E-A3533F009342}" type="pres">
      <dgm:prSet presAssocID="{3FD5DB19-865A-4511-9D3D-51B3A49D1969}" presName="node" presStyleLbl="node1" presStyleIdx="1" presStyleCnt="5" custScaleX="109050" custScaleY="110465">
        <dgm:presLayoutVars>
          <dgm:bulletEnabled val="1"/>
        </dgm:presLayoutVars>
      </dgm:prSet>
      <dgm:spPr/>
    </dgm:pt>
    <dgm:pt modelId="{BF0D8A60-18CC-40CE-A019-3A836F6A7571}" type="pres">
      <dgm:prSet presAssocID="{75D0CE63-4FCB-47F0-8F70-D12B324524B5}" presName="sibTrans" presStyleLbl="sibTrans2D1" presStyleIdx="1" presStyleCnt="5"/>
      <dgm:spPr/>
    </dgm:pt>
    <dgm:pt modelId="{70259836-EC91-45A7-91A6-A1C205EC9F18}" type="pres">
      <dgm:prSet presAssocID="{75D0CE63-4FCB-47F0-8F70-D12B324524B5}" presName="connectorText" presStyleLbl="sibTrans2D1" presStyleIdx="1" presStyleCnt="5"/>
      <dgm:spPr/>
    </dgm:pt>
    <dgm:pt modelId="{72AFCD77-F14F-4CF6-AA94-56C1D5CBA575}" type="pres">
      <dgm:prSet presAssocID="{52AD5C6C-DD55-496A-856E-D164FC42D13A}" presName="node" presStyleLbl="node1" presStyleIdx="2" presStyleCnt="5" custScaleX="109274" custScaleY="105444">
        <dgm:presLayoutVars>
          <dgm:bulletEnabled val="1"/>
        </dgm:presLayoutVars>
      </dgm:prSet>
      <dgm:spPr/>
    </dgm:pt>
    <dgm:pt modelId="{B85351F7-3E06-4A84-A8E6-2132F55CAF5E}" type="pres">
      <dgm:prSet presAssocID="{FFB4A28B-E65D-4234-9588-5D35FECBA0D4}" presName="sibTrans" presStyleLbl="sibTrans2D1" presStyleIdx="2" presStyleCnt="5"/>
      <dgm:spPr/>
    </dgm:pt>
    <dgm:pt modelId="{316143B6-65D8-463E-857F-337FF934D21E}" type="pres">
      <dgm:prSet presAssocID="{FFB4A28B-E65D-4234-9588-5D35FECBA0D4}" presName="connectorText" presStyleLbl="sibTrans2D1" presStyleIdx="2" presStyleCnt="5"/>
      <dgm:spPr/>
    </dgm:pt>
    <dgm:pt modelId="{5D3AFA87-630F-4C33-A9E7-3694005D4652}" type="pres">
      <dgm:prSet presAssocID="{693389DB-8A53-45E5-B534-950E89F4C27C}" presName="node" presStyleLbl="node1" presStyleIdx="3" presStyleCnt="5" custScaleX="108728" custScaleY="109931">
        <dgm:presLayoutVars>
          <dgm:bulletEnabled val="1"/>
        </dgm:presLayoutVars>
      </dgm:prSet>
      <dgm:spPr/>
    </dgm:pt>
    <dgm:pt modelId="{7D3F16F6-0819-498F-9F89-ECC4058757E2}" type="pres">
      <dgm:prSet presAssocID="{263EF8C8-640C-430B-AE24-866F41FB8F03}" presName="sibTrans" presStyleLbl="sibTrans2D1" presStyleIdx="3" presStyleCnt="5"/>
      <dgm:spPr/>
    </dgm:pt>
    <dgm:pt modelId="{598DA45E-23A7-4954-8F47-434C809311E5}" type="pres">
      <dgm:prSet presAssocID="{263EF8C8-640C-430B-AE24-866F41FB8F03}" presName="connectorText" presStyleLbl="sibTrans2D1" presStyleIdx="3" presStyleCnt="5"/>
      <dgm:spPr/>
    </dgm:pt>
    <dgm:pt modelId="{AA599E3E-9D21-4AB3-A442-75940F1756CE}" type="pres">
      <dgm:prSet presAssocID="{0F27D0B7-C762-469A-B632-3119BF6D0DEA}" presName="node" presStyleLbl="node1" presStyleIdx="4" presStyleCnt="5" custScaleX="107751" custScaleY="109423">
        <dgm:presLayoutVars>
          <dgm:bulletEnabled val="1"/>
        </dgm:presLayoutVars>
      </dgm:prSet>
      <dgm:spPr/>
    </dgm:pt>
    <dgm:pt modelId="{82815FE7-2813-4B65-B266-B15E5F3E6A59}" type="pres">
      <dgm:prSet presAssocID="{59A4EF0D-F67B-449F-A3F3-8765FFEC90B8}" presName="sibTrans" presStyleLbl="sibTrans2D1" presStyleIdx="4" presStyleCnt="5"/>
      <dgm:spPr/>
    </dgm:pt>
    <dgm:pt modelId="{90D73B72-701A-4347-90F6-60C58A488E4E}" type="pres">
      <dgm:prSet presAssocID="{59A4EF0D-F67B-449F-A3F3-8765FFEC90B8}" presName="connectorText" presStyleLbl="sibTrans2D1" presStyleIdx="4" presStyleCnt="5"/>
      <dgm:spPr/>
    </dgm:pt>
  </dgm:ptLst>
  <dgm:cxnLst>
    <dgm:cxn modelId="{59AA2E09-C1C4-4B38-ACB3-CF8924D10EEC}" type="presOf" srcId="{3FD5DB19-865A-4511-9D3D-51B3A49D1969}" destId="{07AEB514-756E-4E6A-946E-A3533F009342}" srcOrd="0" destOrd="0" presId="urn:microsoft.com/office/officeart/2005/8/layout/cycle2"/>
    <dgm:cxn modelId="{0BE9BD1B-9963-4372-AD88-B9104D794DB8}" type="presOf" srcId="{693389DB-8A53-45E5-B534-950E89F4C27C}" destId="{5D3AFA87-630F-4C33-A9E7-3694005D4652}" srcOrd="0" destOrd="0" presId="urn:microsoft.com/office/officeart/2005/8/layout/cycle2"/>
    <dgm:cxn modelId="{099D0F1D-C850-4EE0-8778-AFE1900AB605}" type="presOf" srcId="{75D0CE63-4FCB-47F0-8F70-D12B324524B5}" destId="{BF0D8A60-18CC-40CE-A019-3A836F6A7571}" srcOrd="0" destOrd="0" presId="urn:microsoft.com/office/officeart/2005/8/layout/cycle2"/>
    <dgm:cxn modelId="{FC867B27-4C37-44EF-8E19-00C245FD8634}" type="presOf" srcId="{263EF8C8-640C-430B-AE24-866F41FB8F03}" destId="{598DA45E-23A7-4954-8F47-434C809311E5}" srcOrd="1" destOrd="0" presId="urn:microsoft.com/office/officeart/2005/8/layout/cycle2"/>
    <dgm:cxn modelId="{C8B2C22E-0E40-42D5-9A70-7BC13A6C6A3B}" srcId="{C8D639BD-023C-49D5-93E8-7F74CB54AF58}" destId="{0F27D0B7-C762-469A-B632-3119BF6D0DEA}" srcOrd="4" destOrd="0" parTransId="{87C7EED0-0ACA-4FE1-B9A6-3EE2179AE878}" sibTransId="{59A4EF0D-F67B-449F-A3F3-8765FFEC90B8}"/>
    <dgm:cxn modelId="{93A5C13A-D7F5-4B1A-AE58-155221D9AA4B}" type="presOf" srcId="{59A4EF0D-F67B-449F-A3F3-8765FFEC90B8}" destId="{90D73B72-701A-4347-90F6-60C58A488E4E}" srcOrd="1" destOrd="0" presId="urn:microsoft.com/office/officeart/2005/8/layout/cycle2"/>
    <dgm:cxn modelId="{823F693E-71E3-4879-B663-33A038918D8E}" srcId="{C8D639BD-023C-49D5-93E8-7F74CB54AF58}" destId="{693389DB-8A53-45E5-B534-950E89F4C27C}" srcOrd="3" destOrd="0" parTransId="{2E7A9956-3730-4AD0-AA9E-376CB17582F4}" sibTransId="{263EF8C8-640C-430B-AE24-866F41FB8F03}"/>
    <dgm:cxn modelId="{AC47D95D-C222-43A4-B4D7-EE5C77EBF281}" type="presOf" srcId="{52AD5C6C-DD55-496A-856E-D164FC42D13A}" destId="{72AFCD77-F14F-4CF6-AA94-56C1D5CBA575}" srcOrd="0" destOrd="0" presId="urn:microsoft.com/office/officeart/2005/8/layout/cycle2"/>
    <dgm:cxn modelId="{C0C56560-1624-4039-B4A1-ACCECF1171DF}" type="presOf" srcId="{C8D639BD-023C-49D5-93E8-7F74CB54AF58}" destId="{260426FC-2A45-4DE0-88A4-F5DEAB0895F8}" srcOrd="0" destOrd="0" presId="urn:microsoft.com/office/officeart/2005/8/layout/cycle2"/>
    <dgm:cxn modelId="{D7A48B49-C342-4B12-9318-6157E0B12C5F}" srcId="{C8D639BD-023C-49D5-93E8-7F74CB54AF58}" destId="{8CD51684-D98A-46E3-876E-DE34CE987BD2}" srcOrd="0" destOrd="0" parTransId="{CF3C1EB2-D5EE-45C9-B3CE-E70E8D3343B2}" sibTransId="{7EA87091-8415-4059-80F6-05C2D3927A45}"/>
    <dgm:cxn modelId="{4F46AA73-1518-4F03-B744-DB5EC57E5970}" type="presOf" srcId="{8CD51684-D98A-46E3-876E-DE34CE987BD2}" destId="{AFC57271-DBB6-4DEE-BB90-F0627E657DB8}" srcOrd="0" destOrd="0" presId="urn:microsoft.com/office/officeart/2005/8/layout/cycle2"/>
    <dgm:cxn modelId="{020EDA56-91C4-4839-84C8-0D1FD50DCCB2}" type="presOf" srcId="{0F27D0B7-C762-469A-B632-3119BF6D0DEA}" destId="{AA599E3E-9D21-4AB3-A442-75940F1756CE}" srcOrd="0" destOrd="0" presId="urn:microsoft.com/office/officeart/2005/8/layout/cycle2"/>
    <dgm:cxn modelId="{30A6837C-4471-4B48-82F6-A5C5DCD6B90A}" type="presOf" srcId="{7EA87091-8415-4059-80F6-05C2D3927A45}" destId="{AC612379-4380-4D98-BC43-ED059F11C18A}" srcOrd="0" destOrd="0" presId="urn:microsoft.com/office/officeart/2005/8/layout/cycle2"/>
    <dgm:cxn modelId="{91413D8B-A428-4FE3-94F3-88B4CE315283}" type="presOf" srcId="{263EF8C8-640C-430B-AE24-866F41FB8F03}" destId="{7D3F16F6-0819-498F-9F89-ECC4058757E2}" srcOrd="0" destOrd="0" presId="urn:microsoft.com/office/officeart/2005/8/layout/cycle2"/>
    <dgm:cxn modelId="{6C58A19C-C26A-4F2F-9AF2-CF3A299004FA}" srcId="{C8D639BD-023C-49D5-93E8-7F74CB54AF58}" destId="{52AD5C6C-DD55-496A-856E-D164FC42D13A}" srcOrd="2" destOrd="0" parTransId="{FE1848EC-87C5-4DEE-BEAA-CC600C22261F}" sibTransId="{FFB4A28B-E65D-4234-9588-5D35FECBA0D4}"/>
    <dgm:cxn modelId="{830CA1A1-7363-4D26-8B6C-433497C1A21C}" type="presOf" srcId="{75D0CE63-4FCB-47F0-8F70-D12B324524B5}" destId="{70259836-EC91-45A7-91A6-A1C205EC9F18}" srcOrd="1" destOrd="0" presId="urn:microsoft.com/office/officeart/2005/8/layout/cycle2"/>
    <dgm:cxn modelId="{C46A71AB-DF28-4BD6-99E4-B321E68E2890}" type="presOf" srcId="{FFB4A28B-E65D-4234-9588-5D35FECBA0D4}" destId="{B85351F7-3E06-4A84-A8E6-2132F55CAF5E}" srcOrd="0" destOrd="0" presId="urn:microsoft.com/office/officeart/2005/8/layout/cycle2"/>
    <dgm:cxn modelId="{2A9F20CD-A27F-48EB-B292-B2460A273FA1}" type="presOf" srcId="{59A4EF0D-F67B-449F-A3F3-8765FFEC90B8}" destId="{82815FE7-2813-4B65-B266-B15E5F3E6A59}" srcOrd="0" destOrd="0" presId="urn:microsoft.com/office/officeart/2005/8/layout/cycle2"/>
    <dgm:cxn modelId="{CA9A65E0-6FD6-4A7E-87EE-1E87F2AB9F04}" srcId="{C8D639BD-023C-49D5-93E8-7F74CB54AF58}" destId="{3FD5DB19-865A-4511-9D3D-51B3A49D1969}" srcOrd="1" destOrd="0" parTransId="{8A6D8528-CA08-45A0-A456-BAA76D1C26E4}" sibTransId="{75D0CE63-4FCB-47F0-8F70-D12B324524B5}"/>
    <dgm:cxn modelId="{58D596EF-0940-40A1-B030-AC58D6305657}" type="presOf" srcId="{FFB4A28B-E65D-4234-9588-5D35FECBA0D4}" destId="{316143B6-65D8-463E-857F-337FF934D21E}" srcOrd="1" destOrd="0" presId="urn:microsoft.com/office/officeart/2005/8/layout/cycle2"/>
    <dgm:cxn modelId="{36D5D6FB-3190-402D-8117-990986E0559C}" type="presOf" srcId="{7EA87091-8415-4059-80F6-05C2D3927A45}" destId="{C4C70F74-3652-42EA-BF57-F7D3AE95CFDF}" srcOrd="1" destOrd="0" presId="urn:microsoft.com/office/officeart/2005/8/layout/cycle2"/>
    <dgm:cxn modelId="{B0176279-8CB7-4F37-924C-7D42F03E1EA0}" type="presParOf" srcId="{260426FC-2A45-4DE0-88A4-F5DEAB0895F8}" destId="{AFC57271-DBB6-4DEE-BB90-F0627E657DB8}" srcOrd="0" destOrd="0" presId="urn:microsoft.com/office/officeart/2005/8/layout/cycle2"/>
    <dgm:cxn modelId="{AC49FC64-BC1F-48E8-9F94-462D5A89A211}" type="presParOf" srcId="{260426FC-2A45-4DE0-88A4-F5DEAB0895F8}" destId="{AC612379-4380-4D98-BC43-ED059F11C18A}" srcOrd="1" destOrd="0" presId="urn:microsoft.com/office/officeart/2005/8/layout/cycle2"/>
    <dgm:cxn modelId="{FC67CF94-30CD-4DD3-931B-FBB4FA86FED0}" type="presParOf" srcId="{AC612379-4380-4D98-BC43-ED059F11C18A}" destId="{C4C70F74-3652-42EA-BF57-F7D3AE95CFDF}" srcOrd="0" destOrd="0" presId="urn:microsoft.com/office/officeart/2005/8/layout/cycle2"/>
    <dgm:cxn modelId="{490A6691-A103-4D76-AC48-46AE41C08966}" type="presParOf" srcId="{260426FC-2A45-4DE0-88A4-F5DEAB0895F8}" destId="{07AEB514-756E-4E6A-946E-A3533F009342}" srcOrd="2" destOrd="0" presId="urn:microsoft.com/office/officeart/2005/8/layout/cycle2"/>
    <dgm:cxn modelId="{5AF67345-1FB4-4813-B512-6BA32F7D4256}" type="presParOf" srcId="{260426FC-2A45-4DE0-88A4-F5DEAB0895F8}" destId="{BF0D8A60-18CC-40CE-A019-3A836F6A7571}" srcOrd="3" destOrd="0" presId="urn:microsoft.com/office/officeart/2005/8/layout/cycle2"/>
    <dgm:cxn modelId="{34F49E0F-6832-4A44-A630-E5FB8802C29F}" type="presParOf" srcId="{BF0D8A60-18CC-40CE-A019-3A836F6A7571}" destId="{70259836-EC91-45A7-91A6-A1C205EC9F18}" srcOrd="0" destOrd="0" presId="urn:microsoft.com/office/officeart/2005/8/layout/cycle2"/>
    <dgm:cxn modelId="{EA0EB2D2-0B40-4540-AD4A-034234CBB92A}" type="presParOf" srcId="{260426FC-2A45-4DE0-88A4-F5DEAB0895F8}" destId="{72AFCD77-F14F-4CF6-AA94-56C1D5CBA575}" srcOrd="4" destOrd="0" presId="urn:microsoft.com/office/officeart/2005/8/layout/cycle2"/>
    <dgm:cxn modelId="{969895AE-5341-42D3-AE69-4A0706CF88BC}" type="presParOf" srcId="{260426FC-2A45-4DE0-88A4-F5DEAB0895F8}" destId="{B85351F7-3E06-4A84-A8E6-2132F55CAF5E}" srcOrd="5" destOrd="0" presId="urn:microsoft.com/office/officeart/2005/8/layout/cycle2"/>
    <dgm:cxn modelId="{FE3E3EDA-CB4F-475D-96BB-FD60A35C4160}" type="presParOf" srcId="{B85351F7-3E06-4A84-A8E6-2132F55CAF5E}" destId="{316143B6-65D8-463E-857F-337FF934D21E}" srcOrd="0" destOrd="0" presId="urn:microsoft.com/office/officeart/2005/8/layout/cycle2"/>
    <dgm:cxn modelId="{EE8314D9-2C83-45A2-8E2C-28182FE6DA39}" type="presParOf" srcId="{260426FC-2A45-4DE0-88A4-F5DEAB0895F8}" destId="{5D3AFA87-630F-4C33-A9E7-3694005D4652}" srcOrd="6" destOrd="0" presId="urn:microsoft.com/office/officeart/2005/8/layout/cycle2"/>
    <dgm:cxn modelId="{5A6FEC85-ED06-42C5-8326-A57DC1B9EAC4}" type="presParOf" srcId="{260426FC-2A45-4DE0-88A4-F5DEAB0895F8}" destId="{7D3F16F6-0819-498F-9F89-ECC4058757E2}" srcOrd="7" destOrd="0" presId="urn:microsoft.com/office/officeart/2005/8/layout/cycle2"/>
    <dgm:cxn modelId="{EC71CA9B-AE4F-47A9-9526-0CCF783E2B6D}" type="presParOf" srcId="{7D3F16F6-0819-498F-9F89-ECC4058757E2}" destId="{598DA45E-23A7-4954-8F47-434C809311E5}" srcOrd="0" destOrd="0" presId="urn:microsoft.com/office/officeart/2005/8/layout/cycle2"/>
    <dgm:cxn modelId="{90893114-4449-409A-9F29-ADD749D0E87B}" type="presParOf" srcId="{260426FC-2A45-4DE0-88A4-F5DEAB0895F8}" destId="{AA599E3E-9D21-4AB3-A442-75940F1756CE}" srcOrd="8" destOrd="0" presId="urn:microsoft.com/office/officeart/2005/8/layout/cycle2"/>
    <dgm:cxn modelId="{E63ADA07-D2E9-4AAC-8FFF-0C4011718868}" type="presParOf" srcId="{260426FC-2A45-4DE0-88A4-F5DEAB0895F8}" destId="{82815FE7-2813-4B65-B266-B15E5F3E6A59}" srcOrd="9" destOrd="0" presId="urn:microsoft.com/office/officeart/2005/8/layout/cycle2"/>
    <dgm:cxn modelId="{7BF1EF81-E6CD-46CD-ADF0-875EFF936C11}" type="presParOf" srcId="{82815FE7-2813-4B65-B266-B15E5F3E6A59}" destId="{90D73B72-701A-4347-90F6-60C58A488E4E}" srcOrd="0" destOrd="0" presId="urn:microsoft.com/office/officeart/2005/8/layout/cycle2"/>
  </dgm:cxnLst>
  <dgm:bg/>
  <dgm:whole/>
  <dgm:extLst>
    <a:ext uri="http://schemas.microsoft.com/office/drawing/2008/diagram">
      <dsp:dataModelExt xmlns:dsp="http://schemas.microsoft.com/office/drawing/2008/diagram" relId="rId8"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D771CCA-A60E-4DB1-9B8F-97CB7180209E}">
      <dsp:nvSpPr>
        <dsp:cNvPr id="0" name=""/>
        <dsp:cNvSpPr/>
      </dsp:nvSpPr>
      <dsp:spPr>
        <a:xfrm>
          <a:off x="3166707" y="2476748"/>
          <a:ext cx="2972349" cy="2912405"/>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a-DK" sz="1400" b="1" kern="1200" dirty="0"/>
            <a:t>ORGANISATORISKE</a:t>
          </a:r>
        </a:p>
        <a:p>
          <a:pPr marL="0" lvl="0" indent="0" algn="ctr" defTabSz="622300">
            <a:lnSpc>
              <a:spcPct val="90000"/>
            </a:lnSpc>
            <a:spcBef>
              <a:spcPct val="0"/>
            </a:spcBef>
            <a:spcAft>
              <a:spcPct val="35000"/>
            </a:spcAft>
            <a:buNone/>
          </a:pPr>
          <a:r>
            <a:rPr lang="da-DK" sz="1400" b="1" kern="1200" dirty="0"/>
            <a:t>SUNDHEDS-</a:t>
          </a:r>
        </a:p>
        <a:p>
          <a:pPr marL="0" lvl="0" indent="0" algn="ctr" defTabSz="622300">
            <a:lnSpc>
              <a:spcPct val="90000"/>
            </a:lnSpc>
            <a:spcBef>
              <a:spcPct val="0"/>
            </a:spcBef>
            <a:spcAft>
              <a:spcPct val="35000"/>
            </a:spcAft>
            <a:buNone/>
          </a:pPr>
          <a:r>
            <a:rPr lang="da-DK" sz="1400" b="1" kern="1200" dirty="0"/>
            <a:t>KOMPETENCER</a:t>
          </a:r>
        </a:p>
      </dsp:txBody>
      <dsp:txXfrm>
        <a:off x="3601997" y="2903260"/>
        <a:ext cx="2101769" cy="2059381"/>
      </dsp:txXfrm>
    </dsp:sp>
    <dsp:sp modelId="{C4C25ACC-B48B-4B6D-801B-BF1035615CB9}">
      <dsp:nvSpPr>
        <dsp:cNvPr id="0" name=""/>
        <dsp:cNvSpPr/>
      </dsp:nvSpPr>
      <dsp:spPr>
        <a:xfrm rot="12690408">
          <a:off x="1425441" y="2230576"/>
          <a:ext cx="2016063" cy="683911"/>
        </a:xfrm>
        <a:prstGeom prst="lef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5C7504A1-1F20-475E-AC89-26D537415B19}">
      <dsp:nvSpPr>
        <dsp:cNvPr id="0" name=""/>
        <dsp:cNvSpPr/>
      </dsp:nvSpPr>
      <dsp:spPr>
        <a:xfrm>
          <a:off x="434195" y="536909"/>
          <a:ext cx="2279703" cy="301765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533400">
            <a:lnSpc>
              <a:spcPct val="90000"/>
            </a:lnSpc>
            <a:spcBef>
              <a:spcPct val="0"/>
            </a:spcBef>
            <a:spcAft>
              <a:spcPct val="35000"/>
            </a:spcAft>
            <a:buNone/>
          </a:pPr>
          <a:r>
            <a:rPr lang="da-DK" sz="1200" b="1" kern="1200" dirty="0">
              <a:solidFill>
                <a:srgbClr val="F6FBAF"/>
              </a:solidFill>
            </a:rPr>
            <a:t>DIALOG</a:t>
          </a:r>
        </a:p>
        <a:p>
          <a:pPr marL="0" lvl="0" indent="0" algn="l" defTabSz="533400">
            <a:lnSpc>
              <a:spcPct val="90000"/>
            </a:lnSpc>
            <a:spcBef>
              <a:spcPct val="0"/>
            </a:spcBef>
            <a:spcAft>
              <a:spcPct val="35000"/>
            </a:spcAft>
            <a:buNone/>
          </a:pPr>
          <a:r>
            <a:rPr lang="da-DK" sz="1200" b="0" kern="1200" dirty="0">
              <a:solidFill>
                <a:srgbClr val="F6FBAF"/>
              </a:solidFill>
              <a:latin typeface="Verdana"/>
              <a:cs typeface="Verdana"/>
            </a:rPr>
            <a:t>-Nuværende sundhedsforståelse </a:t>
          </a:r>
        </a:p>
        <a:p>
          <a:pPr marL="0" lvl="0" indent="0" algn="l" defTabSz="533400">
            <a:lnSpc>
              <a:spcPct val="90000"/>
            </a:lnSpc>
            <a:spcBef>
              <a:spcPct val="0"/>
            </a:spcBef>
            <a:spcAft>
              <a:spcPct val="35000"/>
            </a:spcAft>
            <a:buNone/>
          </a:pPr>
          <a:r>
            <a:rPr lang="da-DK" sz="1200" b="0" kern="1200" dirty="0">
              <a:solidFill>
                <a:srgbClr val="F6FBAF"/>
              </a:solidFill>
              <a:latin typeface="Verdana"/>
              <a:cs typeface="Verdana"/>
            </a:rPr>
            <a:t>-Støttende relationer (sundhedsprof/privat) </a:t>
          </a:r>
        </a:p>
        <a:p>
          <a:pPr marL="0" lvl="0" indent="0" algn="l" defTabSz="533400">
            <a:lnSpc>
              <a:spcPct val="90000"/>
            </a:lnSpc>
            <a:spcBef>
              <a:spcPct val="0"/>
            </a:spcBef>
            <a:spcAft>
              <a:spcPct val="35000"/>
            </a:spcAft>
            <a:buNone/>
          </a:pPr>
          <a:r>
            <a:rPr lang="da-DK" sz="1200" b="0" kern="1200" dirty="0">
              <a:solidFill>
                <a:srgbClr val="F6FBAF"/>
              </a:solidFill>
              <a:latin typeface="Verdana"/>
              <a:cs typeface="Verdana"/>
            </a:rPr>
            <a:t>-Adgang til og forståelse af sundhedsinfo (også digitalt) </a:t>
          </a:r>
        </a:p>
        <a:p>
          <a:pPr marL="0" lvl="0" indent="0" algn="l" defTabSz="533400">
            <a:lnSpc>
              <a:spcPct val="90000"/>
            </a:lnSpc>
            <a:spcBef>
              <a:spcPct val="0"/>
            </a:spcBef>
            <a:spcAft>
              <a:spcPct val="35000"/>
            </a:spcAft>
            <a:buNone/>
          </a:pPr>
          <a:r>
            <a:rPr lang="da-DK" sz="1200" b="0" kern="1200" dirty="0">
              <a:solidFill>
                <a:srgbClr val="F6FBAF"/>
              </a:solidFill>
              <a:latin typeface="Verdana"/>
              <a:cs typeface="Verdana"/>
            </a:rPr>
            <a:t>-Nuværende sundhedsadfærd</a:t>
          </a:r>
        </a:p>
        <a:p>
          <a:pPr marL="0" lvl="0" indent="0" algn="l" defTabSz="533400">
            <a:lnSpc>
              <a:spcPct val="90000"/>
            </a:lnSpc>
            <a:spcBef>
              <a:spcPct val="0"/>
            </a:spcBef>
            <a:spcAft>
              <a:spcPct val="35000"/>
            </a:spcAft>
            <a:buNone/>
          </a:pPr>
          <a:r>
            <a:rPr lang="da-DK" sz="1200" b="0" kern="1200" dirty="0">
              <a:solidFill>
                <a:srgbClr val="F6FBAF"/>
              </a:solidFill>
              <a:latin typeface="Verdana"/>
              <a:cs typeface="Verdana"/>
            </a:rPr>
            <a:t>-Behov og motivation</a:t>
          </a:r>
          <a:endParaRPr lang="da-DK" sz="1200" b="0" kern="1200" dirty="0">
            <a:solidFill>
              <a:srgbClr val="F6FBAF"/>
            </a:solidFill>
          </a:endParaRPr>
        </a:p>
      </dsp:txBody>
      <dsp:txXfrm>
        <a:off x="500965" y="603679"/>
        <a:ext cx="2146163" cy="2884112"/>
      </dsp:txXfrm>
    </dsp:sp>
    <dsp:sp modelId="{79D06011-1E93-4B34-922F-5E70D9A68BE1}">
      <dsp:nvSpPr>
        <dsp:cNvPr id="0" name=""/>
        <dsp:cNvSpPr/>
      </dsp:nvSpPr>
      <dsp:spPr>
        <a:xfrm rot="16200000">
          <a:off x="3853608" y="1242481"/>
          <a:ext cx="1598548" cy="683911"/>
        </a:xfrm>
        <a:prstGeom prst="lef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AF699D3C-ECD2-4346-94E0-16619C5E5162}">
      <dsp:nvSpPr>
        <dsp:cNvPr id="0" name=""/>
        <dsp:cNvSpPr/>
      </dsp:nvSpPr>
      <dsp:spPr>
        <a:xfrm>
          <a:off x="3513030" y="-126719"/>
          <a:ext cx="2279703" cy="182376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533400">
            <a:lnSpc>
              <a:spcPct val="90000"/>
            </a:lnSpc>
            <a:spcBef>
              <a:spcPct val="0"/>
            </a:spcBef>
            <a:spcAft>
              <a:spcPct val="35000"/>
            </a:spcAft>
            <a:buNone/>
          </a:pPr>
          <a:r>
            <a:rPr lang="da-DK" sz="1200" b="1" kern="1200" dirty="0">
              <a:solidFill>
                <a:srgbClr val="F6FBAF"/>
              </a:solidFill>
            </a:rPr>
            <a:t>JOURNALISERING</a:t>
          </a:r>
        </a:p>
        <a:p>
          <a:pPr marL="0" lvl="0" indent="0" algn="ctr" defTabSz="533400">
            <a:lnSpc>
              <a:spcPct val="90000"/>
            </a:lnSpc>
            <a:spcBef>
              <a:spcPct val="0"/>
            </a:spcBef>
            <a:spcAft>
              <a:spcPct val="35000"/>
            </a:spcAft>
            <a:buNone/>
          </a:pPr>
          <a:r>
            <a:rPr lang="da-DK" sz="1200" b="0" kern="1200" dirty="0">
              <a:solidFill>
                <a:srgbClr val="F6FBAF"/>
              </a:solidFill>
            </a:rPr>
            <a:t>-Skema til SP</a:t>
          </a:r>
        </a:p>
        <a:p>
          <a:pPr marL="0" lvl="0" indent="0" algn="ctr" defTabSz="533400">
            <a:lnSpc>
              <a:spcPct val="90000"/>
            </a:lnSpc>
            <a:spcBef>
              <a:spcPct val="0"/>
            </a:spcBef>
            <a:spcAft>
              <a:spcPct val="35000"/>
            </a:spcAft>
            <a:buNone/>
          </a:pPr>
          <a:r>
            <a:rPr lang="da-DK" sz="1200" b="0" kern="1200" dirty="0">
              <a:solidFill>
                <a:srgbClr val="F6FBAF"/>
              </a:solidFill>
            </a:rPr>
            <a:t>-Vidensdeling </a:t>
          </a:r>
        </a:p>
      </dsp:txBody>
      <dsp:txXfrm>
        <a:off x="3566446" y="-73303"/>
        <a:ext cx="2172871" cy="1716930"/>
      </dsp:txXfrm>
    </dsp:sp>
    <dsp:sp modelId="{595DEEC4-2AD0-498C-9474-548641958B22}">
      <dsp:nvSpPr>
        <dsp:cNvPr id="0" name=""/>
        <dsp:cNvSpPr/>
      </dsp:nvSpPr>
      <dsp:spPr>
        <a:xfrm rot="19581216">
          <a:off x="5808885" y="2130129"/>
          <a:ext cx="2077837" cy="683911"/>
        </a:xfrm>
        <a:prstGeom prst="lef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98A3DC0A-1750-41C5-A788-31F377392137}">
      <dsp:nvSpPr>
        <dsp:cNvPr id="0" name=""/>
        <dsp:cNvSpPr/>
      </dsp:nvSpPr>
      <dsp:spPr>
        <a:xfrm>
          <a:off x="6572823" y="391595"/>
          <a:ext cx="2279703" cy="3009719"/>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533400">
            <a:lnSpc>
              <a:spcPct val="90000"/>
            </a:lnSpc>
            <a:spcBef>
              <a:spcPct val="0"/>
            </a:spcBef>
            <a:spcAft>
              <a:spcPct val="35000"/>
            </a:spcAft>
            <a:buNone/>
          </a:pPr>
          <a:r>
            <a:rPr lang="da-DK" sz="1200" b="1" kern="1200" dirty="0">
              <a:solidFill>
                <a:srgbClr val="F6FBAF"/>
              </a:solidFill>
            </a:rPr>
            <a:t>OPFØLGNING</a:t>
          </a:r>
          <a:endParaRPr lang="da-DK" sz="1200" b="0" kern="1200" dirty="0">
            <a:solidFill>
              <a:srgbClr val="F6FBAF"/>
            </a:solidFill>
          </a:endParaRPr>
        </a:p>
        <a:p>
          <a:pPr marL="0" lvl="0" indent="0" algn="l" defTabSz="533400">
            <a:lnSpc>
              <a:spcPct val="90000"/>
            </a:lnSpc>
            <a:spcBef>
              <a:spcPct val="0"/>
            </a:spcBef>
            <a:spcAft>
              <a:spcPct val="35000"/>
            </a:spcAft>
            <a:buNone/>
          </a:pPr>
          <a:r>
            <a:rPr lang="da-DK" sz="1200" b="0" kern="1200" dirty="0">
              <a:solidFill>
                <a:srgbClr val="F6FBAF"/>
              </a:solidFill>
            </a:rPr>
            <a:t>-Mundtlig, skriftlig, visuel vejledning</a:t>
          </a:r>
        </a:p>
        <a:p>
          <a:pPr marL="0" lvl="0" indent="0" algn="l" defTabSz="533400">
            <a:lnSpc>
              <a:spcPct val="90000"/>
            </a:lnSpc>
            <a:spcBef>
              <a:spcPct val="0"/>
            </a:spcBef>
            <a:spcAft>
              <a:spcPct val="35000"/>
            </a:spcAft>
            <a:buNone/>
          </a:pPr>
          <a:r>
            <a:rPr lang="da-DK" sz="1200" b="0" kern="1200" dirty="0">
              <a:solidFill>
                <a:srgbClr val="F6FBAF"/>
              </a:solidFill>
            </a:rPr>
            <a:t>-Tilbud her i huset, i kommuner, i civilsamfund</a:t>
          </a:r>
          <a:r>
            <a:rPr lang="da-DK" sz="1200" b="1" kern="1200" dirty="0">
              <a:solidFill>
                <a:srgbClr val="F6FBAF"/>
              </a:solidFill>
            </a:rPr>
            <a:t> </a:t>
          </a:r>
        </a:p>
      </dsp:txBody>
      <dsp:txXfrm>
        <a:off x="6639593" y="458365"/>
        <a:ext cx="2146163" cy="287617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FC57271-DBB6-4DEE-BB90-F0627E657DB8}">
      <dsp:nvSpPr>
        <dsp:cNvPr id="0" name=""/>
        <dsp:cNvSpPr/>
      </dsp:nvSpPr>
      <dsp:spPr>
        <a:xfrm>
          <a:off x="1725374" y="-73697"/>
          <a:ext cx="1352004" cy="1441906"/>
        </a:xfrm>
        <a:prstGeom prst="ellipse">
          <a:avLst/>
        </a:prstGeom>
        <a:solidFill>
          <a:srgbClr val="005C42"/>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da-DK" sz="1400" kern="1200" dirty="0">
              <a:latin typeface="Times New Roman" panose="02020603050405020304" pitchFamily="18" charset="0"/>
              <a:cs typeface="Times New Roman" panose="02020603050405020304" pitchFamily="18" charset="0"/>
            </a:rPr>
            <a:t>Nuværende sundhedsfor-</a:t>
          </a:r>
          <a:r>
            <a:rPr lang="da-DK" sz="1400" kern="1200" dirty="0" err="1">
              <a:latin typeface="Times New Roman" panose="02020603050405020304" pitchFamily="18" charset="0"/>
              <a:cs typeface="Times New Roman" panose="02020603050405020304" pitchFamily="18" charset="0"/>
            </a:rPr>
            <a:t>ståelse</a:t>
          </a:r>
          <a:endParaRPr lang="da-DK" sz="1400" kern="1200" dirty="0">
            <a:latin typeface="Times New Roman" panose="02020603050405020304" pitchFamily="18" charset="0"/>
            <a:cs typeface="Times New Roman" panose="02020603050405020304" pitchFamily="18" charset="0"/>
          </a:endParaRPr>
        </a:p>
      </dsp:txBody>
      <dsp:txXfrm>
        <a:off x="1923370" y="137465"/>
        <a:ext cx="956012" cy="1019582"/>
      </dsp:txXfrm>
    </dsp:sp>
    <dsp:sp modelId="{AC612379-4380-4D98-BC43-ED059F11C18A}">
      <dsp:nvSpPr>
        <dsp:cNvPr id="0" name=""/>
        <dsp:cNvSpPr/>
      </dsp:nvSpPr>
      <dsp:spPr>
        <a:xfrm rot="2160000">
          <a:off x="3026852" y="987798"/>
          <a:ext cx="277933" cy="429714"/>
        </a:xfrm>
        <a:prstGeom prst="rightArrow">
          <a:avLst>
            <a:gd name="adj1" fmla="val 60000"/>
            <a:gd name="adj2" fmla="val 50000"/>
          </a:avLst>
        </a:prstGeom>
        <a:gradFill rotWithShape="0">
          <a:gsLst>
            <a:gs pos="0">
              <a:schemeClr val="accent3">
                <a:shade val="90000"/>
                <a:hueOff val="0"/>
                <a:satOff val="0"/>
                <a:lumOff val="0"/>
                <a:alphaOff val="0"/>
                <a:satMod val="103000"/>
                <a:lumMod val="102000"/>
                <a:tint val="94000"/>
              </a:schemeClr>
            </a:gs>
            <a:gs pos="50000">
              <a:schemeClr val="accent3">
                <a:shade val="90000"/>
                <a:hueOff val="0"/>
                <a:satOff val="0"/>
                <a:lumOff val="0"/>
                <a:alphaOff val="0"/>
                <a:satMod val="110000"/>
                <a:lumMod val="100000"/>
                <a:shade val="100000"/>
              </a:schemeClr>
            </a:gs>
            <a:gs pos="100000">
              <a:schemeClr val="accent3">
                <a:shade val="90000"/>
                <a:hueOff val="0"/>
                <a:satOff val="0"/>
                <a:lumOff val="0"/>
                <a:alphaOff val="0"/>
                <a:lumMod val="99000"/>
                <a:satMod val="120000"/>
                <a:shade val="78000"/>
              </a:schemeClr>
            </a:gs>
          </a:gsLst>
          <a:lin ang="5400000" scaled="0"/>
        </a:gradFill>
        <a:ln>
          <a:noFill/>
        </a:ln>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endParaRPr lang="da-DK" sz="1800" kern="1200"/>
        </a:p>
      </dsp:txBody>
      <dsp:txXfrm>
        <a:off x="3034814" y="1049236"/>
        <a:ext cx="194553" cy="257828"/>
      </dsp:txXfrm>
    </dsp:sp>
    <dsp:sp modelId="{07AEB514-756E-4E6A-946E-A3533F009342}">
      <dsp:nvSpPr>
        <dsp:cNvPr id="0" name=""/>
        <dsp:cNvSpPr/>
      </dsp:nvSpPr>
      <dsp:spPr>
        <a:xfrm>
          <a:off x="3254208" y="1068024"/>
          <a:ext cx="1388456" cy="1406472"/>
        </a:xfrm>
        <a:prstGeom prst="ellipse">
          <a:avLst/>
        </a:prstGeom>
        <a:solidFill>
          <a:srgbClr val="005C42"/>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da-DK" sz="1400" kern="1200" dirty="0">
              <a:latin typeface="Times New Roman" panose="02020603050405020304" pitchFamily="18" charset="0"/>
              <a:cs typeface="Times New Roman" panose="02020603050405020304" pitchFamily="18" charset="0"/>
            </a:rPr>
            <a:t>Støttende relationer</a:t>
          </a:r>
        </a:p>
      </dsp:txBody>
      <dsp:txXfrm>
        <a:off x="3457543" y="1273997"/>
        <a:ext cx="981786" cy="994526"/>
      </dsp:txXfrm>
    </dsp:sp>
    <dsp:sp modelId="{BF0D8A60-18CC-40CE-A019-3A836F6A7571}">
      <dsp:nvSpPr>
        <dsp:cNvPr id="0" name=""/>
        <dsp:cNvSpPr/>
      </dsp:nvSpPr>
      <dsp:spPr>
        <a:xfrm rot="6480000">
          <a:off x="3508848" y="2471819"/>
          <a:ext cx="284302" cy="429714"/>
        </a:xfrm>
        <a:prstGeom prst="rightArrow">
          <a:avLst>
            <a:gd name="adj1" fmla="val 60000"/>
            <a:gd name="adj2" fmla="val 50000"/>
          </a:avLst>
        </a:prstGeom>
        <a:gradFill rotWithShape="0">
          <a:gsLst>
            <a:gs pos="0">
              <a:schemeClr val="accent3">
                <a:shade val="90000"/>
                <a:hueOff val="-54688"/>
                <a:satOff val="-604"/>
                <a:lumOff val="5056"/>
                <a:alphaOff val="0"/>
                <a:satMod val="103000"/>
                <a:lumMod val="102000"/>
                <a:tint val="94000"/>
              </a:schemeClr>
            </a:gs>
            <a:gs pos="50000">
              <a:schemeClr val="accent3">
                <a:shade val="90000"/>
                <a:hueOff val="-54688"/>
                <a:satOff val="-604"/>
                <a:lumOff val="5056"/>
                <a:alphaOff val="0"/>
                <a:satMod val="110000"/>
                <a:lumMod val="100000"/>
                <a:shade val="100000"/>
              </a:schemeClr>
            </a:gs>
            <a:gs pos="100000">
              <a:schemeClr val="accent3">
                <a:shade val="90000"/>
                <a:hueOff val="-54688"/>
                <a:satOff val="-604"/>
                <a:lumOff val="5056"/>
                <a:alphaOff val="0"/>
                <a:lumMod val="99000"/>
                <a:satMod val="120000"/>
                <a:shade val="78000"/>
              </a:schemeClr>
            </a:gs>
          </a:gsLst>
          <a:lin ang="5400000" scaled="0"/>
        </a:gradFill>
        <a:ln>
          <a:noFill/>
        </a:ln>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endParaRPr lang="da-DK" sz="1800" kern="1200"/>
        </a:p>
      </dsp:txBody>
      <dsp:txXfrm rot="10800000">
        <a:off x="3564672" y="2517204"/>
        <a:ext cx="199011" cy="257828"/>
      </dsp:txXfrm>
    </dsp:sp>
    <dsp:sp modelId="{72AFCD77-F14F-4CF6-AA94-56C1D5CBA575}">
      <dsp:nvSpPr>
        <dsp:cNvPr id="0" name=""/>
        <dsp:cNvSpPr/>
      </dsp:nvSpPr>
      <dsp:spPr>
        <a:xfrm>
          <a:off x="2661857" y="2918667"/>
          <a:ext cx="1391308" cy="1342544"/>
        </a:xfrm>
        <a:prstGeom prst="ellipse">
          <a:avLst/>
        </a:prstGeom>
        <a:solidFill>
          <a:srgbClr val="005C42"/>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da-DK" sz="1400" kern="1200" dirty="0">
              <a:latin typeface="Times New Roman" panose="02020603050405020304" pitchFamily="18" charset="0"/>
              <a:cs typeface="Times New Roman" panose="02020603050405020304" pitchFamily="18" charset="0"/>
            </a:rPr>
            <a:t>Adgang til og forståelse af sundhedsinfo</a:t>
          </a:r>
        </a:p>
      </dsp:txBody>
      <dsp:txXfrm>
        <a:off x="2865609" y="3115278"/>
        <a:ext cx="983804" cy="949322"/>
      </dsp:txXfrm>
    </dsp:sp>
    <dsp:sp modelId="{B85351F7-3E06-4A84-A8E6-2132F55CAF5E}">
      <dsp:nvSpPr>
        <dsp:cNvPr id="0" name=""/>
        <dsp:cNvSpPr/>
      </dsp:nvSpPr>
      <dsp:spPr>
        <a:xfrm rot="10800000">
          <a:off x="2268528" y="3375082"/>
          <a:ext cx="277952" cy="429714"/>
        </a:xfrm>
        <a:prstGeom prst="rightArrow">
          <a:avLst>
            <a:gd name="adj1" fmla="val 60000"/>
            <a:gd name="adj2" fmla="val 50000"/>
          </a:avLst>
        </a:prstGeom>
        <a:gradFill rotWithShape="0">
          <a:gsLst>
            <a:gs pos="0">
              <a:schemeClr val="accent3">
                <a:shade val="90000"/>
                <a:hueOff val="-109375"/>
                <a:satOff val="-1207"/>
                <a:lumOff val="10113"/>
                <a:alphaOff val="0"/>
                <a:satMod val="103000"/>
                <a:lumMod val="102000"/>
                <a:tint val="94000"/>
              </a:schemeClr>
            </a:gs>
            <a:gs pos="50000">
              <a:schemeClr val="accent3">
                <a:shade val="90000"/>
                <a:hueOff val="-109375"/>
                <a:satOff val="-1207"/>
                <a:lumOff val="10113"/>
                <a:alphaOff val="0"/>
                <a:satMod val="110000"/>
                <a:lumMod val="100000"/>
                <a:shade val="100000"/>
              </a:schemeClr>
            </a:gs>
            <a:gs pos="100000">
              <a:schemeClr val="accent3">
                <a:shade val="90000"/>
                <a:hueOff val="-109375"/>
                <a:satOff val="-1207"/>
                <a:lumOff val="10113"/>
                <a:alphaOff val="0"/>
                <a:lumMod val="99000"/>
                <a:satMod val="120000"/>
                <a:shade val="78000"/>
              </a:schemeClr>
            </a:gs>
          </a:gsLst>
          <a:lin ang="5400000" scaled="0"/>
        </a:gradFill>
        <a:ln>
          <a:noFill/>
        </a:ln>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endParaRPr lang="da-DK" sz="1800" kern="1200"/>
        </a:p>
      </dsp:txBody>
      <dsp:txXfrm rot="10800000">
        <a:off x="2351914" y="3461025"/>
        <a:ext cx="194566" cy="257828"/>
      </dsp:txXfrm>
    </dsp:sp>
    <dsp:sp modelId="{5D3AFA87-630F-4C33-A9E7-3694005D4652}">
      <dsp:nvSpPr>
        <dsp:cNvPr id="0" name=""/>
        <dsp:cNvSpPr/>
      </dsp:nvSpPr>
      <dsp:spPr>
        <a:xfrm>
          <a:off x="753061" y="2890102"/>
          <a:ext cx="1384356" cy="1399673"/>
        </a:xfrm>
        <a:prstGeom prst="ellipse">
          <a:avLst/>
        </a:prstGeom>
        <a:solidFill>
          <a:srgbClr val="005C42"/>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da-DK" sz="1400" kern="1200" dirty="0">
              <a:latin typeface="Times New Roman" panose="02020603050405020304" pitchFamily="18" charset="0"/>
              <a:cs typeface="Times New Roman" panose="02020603050405020304" pitchFamily="18" charset="0"/>
            </a:rPr>
            <a:t>Nuværende sundhedsadfærd</a:t>
          </a:r>
        </a:p>
      </dsp:txBody>
      <dsp:txXfrm>
        <a:off x="955795" y="3095079"/>
        <a:ext cx="978888" cy="989719"/>
      </dsp:txXfrm>
    </dsp:sp>
    <dsp:sp modelId="{7D3F16F6-0819-498F-9F89-ECC4058757E2}">
      <dsp:nvSpPr>
        <dsp:cNvPr id="0" name=""/>
        <dsp:cNvSpPr/>
      </dsp:nvSpPr>
      <dsp:spPr>
        <a:xfrm rot="15120000">
          <a:off x="1014464" y="2471448"/>
          <a:ext cx="274334" cy="429714"/>
        </a:xfrm>
        <a:prstGeom prst="rightArrow">
          <a:avLst>
            <a:gd name="adj1" fmla="val 60000"/>
            <a:gd name="adj2" fmla="val 50000"/>
          </a:avLst>
        </a:prstGeom>
        <a:gradFill rotWithShape="0">
          <a:gsLst>
            <a:gs pos="0">
              <a:schemeClr val="accent3">
                <a:shade val="90000"/>
                <a:hueOff val="-164063"/>
                <a:satOff val="-1811"/>
                <a:lumOff val="15169"/>
                <a:alphaOff val="0"/>
                <a:satMod val="103000"/>
                <a:lumMod val="102000"/>
                <a:tint val="94000"/>
              </a:schemeClr>
            </a:gs>
            <a:gs pos="50000">
              <a:schemeClr val="accent3">
                <a:shade val="90000"/>
                <a:hueOff val="-164063"/>
                <a:satOff val="-1811"/>
                <a:lumOff val="15169"/>
                <a:alphaOff val="0"/>
                <a:satMod val="110000"/>
                <a:lumMod val="100000"/>
                <a:shade val="100000"/>
              </a:schemeClr>
            </a:gs>
            <a:gs pos="100000">
              <a:schemeClr val="accent3">
                <a:shade val="90000"/>
                <a:hueOff val="-164063"/>
                <a:satOff val="-1811"/>
                <a:lumOff val="15169"/>
                <a:alphaOff val="0"/>
                <a:lumMod val="99000"/>
                <a:satMod val="120000"/>
                <a:shade val="78000"/>
              </a:schemeClr>
            </a:gs>
          </a:gsLst>
          <a:lin ang="5400000" scaled="0"/>
        </a:gradFill>
        <a:ln>
          <a:noFill/>
        </a:ln>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endParaRPr lang="da-DK" sz="1800" kern="1200"/>
        </a:p>
      </dsp:txBody>
      <dsp:txXfrm rot="10800000">
        <a:off x="1068330" y="2596527"/>
        <a:ext cx="192034" cy="257828"/>
      </dsp:txXfrm>
    </dsp:sp>
    <dsp:sp modelId="{AA599E3E-9D21-4AB3-A442-75940F1756CE}">
      <dsp:nvSpPr>
        <dsp:cNvPr id="0" name=""/>
        <dsp:cNvSpPr/>
      </dsp:nvSpPr>
      <dsp:spPr>
        <a:xfrm>
          <a:off x="168356" y="1074658"/>
          <a:ext cx="1371917" cy="1393205"/>
        </a:xfrm>
        <a:prstGeom prst="ellipse">
          <a:avLst/>
        </a:prstGeom>
        <a:solidFill>
          <a:srgbClr val="005C42"/>
        </a:soli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da-DK" sz="1400" kern="1200" dirty="0">
              <a:latin typeface="Times New Roman" panose="02020603050405020304" pitchFamily="18" charset="0"/>
              <a:cs typeface="Times New Roman" panose="02020603050405020304" pitchFamily="18" charset="0"/>
            </a:rPr>
            <a:t>Behov og motivation</a:t>
          </a:r>
        </a:p>
      </dsp:txBody>
      <dsp:txXfrm>
        <a:off x="369269" y="1278688"/>
        <a:ext cx="970091" cy="985145"/>
      </dsp:txXfrm>
    </dsp:sp>
    <dsp:sp modelId="{82815FE7-2813-4B65-B266-B15E5F3E6A59}">
      <dsp:nvSpPr>
        <dsp:cNvPr id="0" name=""/>
        <dsp:cNvSpPr/>
      </dsp:nvSpPr>
      <dsp:spPr>
        <a:xfrm rot="19440000">
          <a:off x="1479976" y="999382"/>
          <a:ext cx="282025" cy="429714"/>
        </a:xfrm>
        <a:prstGeom prst="rightArrow">
          <a:avLst>
            <a:gd name="adj1" fmla="val 60000"/>
            <a:gd name="adj2" fmla="val 50000"/>
          </a:avLst>
        </a:prstGeom>
        <a:gradFill rotWithShape="0">
          <a:gsLst>
            <a:gs pos="0">
              <a:schemeClr val="accent3">
                <a:shade val="90000"/>
                <a:hueOff val="-218751"/>
                <a:satOff val="-2414"/>
                <a:lumOff val="20225"/>
                <a:alphaOff val="0"/>
                <a:satMod val="103000"/>
                <a:lumMod val="102000"/>
                <a:tint val="94000"/>
              </a:schemeClr>
            </a:gs>
            <a:gs pos="50000">
              <a:schemeClr val="accent3">
                <a:shade val="90000"/>
                <a:hueOff val="-218751"/>
                <a:satOff val="-2414"/>
                <a:lumOff val="20225"/>
                <a:alphaOff val="0"/>
                <a:satMod val="110000"/>
                <a:lumMod val="100000"/>
                <a:shade val="100000"/>
              </a:schemeClr>
            </a:gs>
            <a:gs pos="100000">
              <a:schemeClr val="accent3">
                <a:shade val="90000"/>
                <a:hueOff val="-218751"/>
                <a:satOff val="-2414"/>
                <a:lumOff val="20225"/>
                <a:alphaOff val="0"/>
                <a:lumMod val="99000"/>
                <a:satMod val="120000"/>
                <a:shade val="78000"/>
              </a:schemeClr>
            </a:gs>
          </a:gsLst>
          <a:lin ang="5400000" scaled="0"/>
        </a:gradFill>
        <a:ln>
          <a:noFill/>
        </a:ln>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endParaRPr lang="da-DK" sz="1800" kern="1200"/>
        </a:p>
      </dsp:txBody>
      <dsp:txXfrm>
        <a:off x="1488055" y="1110190"/>
        <a:ext cx="197418" cy="257828"/>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radial4">
  <dgm:title val=""/>
  <dgm:desc val=""/>
  <dgm:catLst>
    <dgm:cat type="relationship" pri="19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t modelId="11"/>
        <dgm:pt modelId="12"/>
      </dgm:ptLst>
      <dgm:cxnLst>
        <dgm:cxn modelId="2" srcId="0" destId="1" srcOrd="0" destOrd="0"/>
        <dgm:cxn modelId="15" srcId="1" destId="11" srcOrd="0" destOrd="0"/>
        <dgm:cxn modelId="16" srcId="1" destId="12" srcOrd="1"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0"/>
              <dgm:param type="spanAng" val="360"/>
              <dgm:param type="ctrShpMap" val="fNode"/>
            </dgm:alg>
          </dgm:if>
          <dgm:else name="Name4">
            <dgm:choose name="Name5">
              <dgm:if name="Name6" axis="ch ch" ptType="node node" st="1 1" cnt="1 0" func="cnt" op="lte" val="3">
                <dgm:alg type="cycle">
                  <dgm:param type="stAng" val="-55"/>
                  <dgm:param type="spanAng" val="110"/>
                  <dgm:param type="ctrShpMap" val="fNode"/>
                </dgm:alg>
              </dgm:if>
              <dgm:else name="Name7">
                <dgm:choose name="Name8">
                  <dgm:if name="Name9" axis="ch ch" ptType="node node" st="1 1" cnt="1 0" func="cnt" op="equ" val="4">
                    <dgm:alg type="cycle">
                      <dgm:param type="stAng" val="-75"/>
                      <dgm:param type="spanAng" val="150"/>
                      <dgm:param type="ctrShpMap" val="fNode"/>
                    </dgm:alg>
                  </dgm:if>
                  <dgm:else name="Name10">
                    <dgm:alg type="cycle">
                      <dgm:param type="stAng" val="-90"/>
                      <dgm:param type="spanAng" val="180"/>
                      <dgm:param type="ctrShpMap" val="fNode"/>
                    </dgm:alg>
                  </dgm:else>
                </dgm:choose>
              </dgm:else>
            </dgm:choose>
          </dgm:else>
        </dgm:choose>
      </dgm:if>
      <dgm:else name="Name11">
        <dgm:choose name="Name12">
          <dgm:if name="Name13" axis="ch ch" ptType="node node" st="1 1" cnt="1 0" func="cnt" op="lte" val="1">
            <dgm:alg type="cycle">
              <dgm:param type="stAng" val="0"/>
              <dgm:param type="spanAng" val="-360"/>
              <dgm:param type="ctrShpMap" val="fNode"/>
            </dgm:alg>
          </dgm:if>
          <dgm:else name="Name14">
            <dgm:choose name="Name15">
              <dgm:if name="Name16" axis="ch ch" ptType="node node" st="1 1" cnt="1 0" func="cnt" op="lte" val="3">
                <dgm:alg type="cycle">
                  <dgm:param type="stAng" val="55"/>
                  <dgm:param type="spanAng" val="-110"/>
                  <dgm:param type="ctrShpMap" val="fNode"/>
                </dgm:alg>
              </dgm:if>
              <dgm:else name="Name17">
                <dgm:choose name="Name18">
                  <dgm:if name="Name19" axis="ch ch" ptType="node node" st="1 1" cnt="1 0" func="cnt" op="equ" val="4">
                    <dgm:alg type="cycle">
                      <dgm:param type="stAng" val="75"/>
                      <dgm:param type="spanAng" val="-150"/>
                      <dgm:param type="ctrShpMap" val="fNode"/>
                    </dgm:alg>
                  </dgm:if>
                  <dgm:else name="Name20">
                    <dgm:alg type="cycle">
                      <dgm:param type="stAng" val="90"/>
                      <dgm:param type="spanAng" val="-180"/>
                      <dgm:param type="ctrShpMap" val="fNode"/>
                    </dgm:alg>
                  </dgm:else>
                </dgm:choose>
              </dgm:else>
            </dgm:choose>
          </dgm:else>
        </dgm:choose>
      </dgm:else>
    </dgm:choose>
    <dgm:shape xmlns:r="http://schemas.openxmlformats.org/officeDocument/2006/relationships" r:blip="">
      <dgm:adjLst/>
    </dgm:shape>
    <dgm:presOf/>
    <dgm:constrLst>
      <dgm:constr type="w" for="ch" forName="centerShape" refType="w"/>
      <dgm:constr type="w" for="ch" forName="node" refType="w" refFor="ch" refForName="centerShape" fact="0.95"/>
      <dgm:constr type="h" for="ch" forName="parTrans" refType="w" refFor="ch" refForName="centerShape" fact="0.285"/>
      <dgm:constr type="sp" refType="w" refFor="ch" refForName="centerShape" op="equ" fact="0.23"/>
      <dgm:constr type="sibSp" refType="w" refFor="ch" refForName="node" fact="0.1"/>
      <dgm:constr type="primFontSz" for="ch" forName="node" op="equ"/>
    </dgm:constrLst>
    <dgm:choose name="Name21">
      <dgm:if name="Name22" axis="ch ch" ptType="node node" st="1 1" cnt="1 0" func="cnt" op="lte" val="5">
        <dgm:ruleLst>
          <dgm:rule type="w" for="ch" forName="centerShape" val="NaN" fact="0.27" max="NaN"/>
        </dgm:ruleLst>
      </dgm:if>
      <dgm:else name="Name23">
        <dgm:ruleLst>
          <dgm:rule type="w" for="ch" forName="centerShape" val="NaN" fact="0.27" max="NaN"/>
          <dgm:rule type="w" for="ch" forName="node" val="NaN" fact="0.7" max="NaN"/>
        </dgm:ruleLst>
      </dgm:else>
    </dgm:choose>
    <dgm:forEach name="Name24" axis="ch" ptType="node" cnt="1">
      <dgm:layoutNode name="centerShape" styleLbl="node0">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 type="primFontSz" val="65"/>
          <dgm:constr type="h" refType="w"/>
        </dgm:constrLst>
        <dgm:ruleLst>
          <dgm:rule type="primFontSz" val="5" fact="NaN" max="NaN"/>
        </dgm:ruleLst>
      </dgm:layoutNode>
      <dgm:forEach name="Name25" axis="ch">
        <dgm:forEach name="Name26" axis="self" ptType="parTrans">
          <dgm:layoutNode name="parTrans" styleLbl="bgSibTrans2D1">
            <dgm:alg type="conn">
              <dgm:param type="begPts" val="auto"/>
              <dgm:param type="endPts" val="ctr"/>
              <dgm:param type="endSty" val="noArr"/>
              <dgm:param type="begSty" val="arr"/>
            </dgm:alg>
            <dgm:shape xmlns:r="http://schemas.openxmlformats.org/officeDocument/2006/relationships" type="conn" r:blip="">
              <dgm:adjLst/>
            </dgm:shape>
            <dgm:presOf axis="self"/>
            <dgm:constrLst>
              <dgm:constr type="begPad" refType="connDist" fact="0.055"/>
              <dgm:constr type="endPad"/>
            </dgm:constrLst>
            <dgm:ruleLst/>
          </dgm:layoutNode>
        </dgm:forEach>
        <dgm:forEach name="Name27" axis="self" ptType="node">
          <dgm:layoutNode name="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h" refType="w" fact="0.8"/>
              <dgm:constr type="tMarg" refType="primFontSz" fact="0.15"/>
              <dgm:constr type="bMarg" refType="primFontSz" fact="0.15"/>
              <dgm:constr type="lMarg" refType="primFontSz" fact="0.15"/>
              <dgm:constr type="rMarg" refType="primFontSz" fact="0.15"/>
            </dgm:constrLst>
            <dgm:ruleLst>
              <dgm:rule type="primFontSz" val="5" fact="NaN" max="NaN"/>
            </dgm:ruleLst>
          </dgm:layoutNode>
        </dgm:forEach>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0443" y="0"/>
            <a:ext cx="2945659" cy="498135"/>
          </a:xfrm>
          <a:prstGeom prst="rect">
            <a:avLst/>
          </a:prstGeom>
        </p:spPr>
        <p:txBody>
          <a:bodyPr vert="horz" lIns="91440" tIns="45720" rIns="91440" bIns="45720" rtlCol="0"/>
          <a:lstStyle>
            <a:lvl1pPr algn="r">
              <a:defRPr sz="1200"/>
            </a:lvl1pPr>
          </a:lstStyle>
          <a:p>
            <a:fld id="{7E1E5FE7-4CF8-4B9C-84B0-32076FE8922B}" type="datetimeFigureOut">
              <a:rPr lang="da-DK" smtClean="0"/>
              <a:t>22-10-2024</a:t>
            </a:fld>
            <a:endParaRPr lang="da-DK"/>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958"/>
            <a:ext cx="5438140" cy="3909239"/>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30091"/>
            <a:ext cx="2945659" cy="498134"/>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0443" y="9430091"/>
            <a:ext cx="2945659" cy="498134"/>
          </a:xfrm>
          <a:prstGeom prst="rect">
            <a:avLst/>
          </a:prstGeom>
        </p:spPr>
        <p:txBody>
          <a:bodyPr vert="horz" lIns="91440" tIns="45720" rIns="91440" bIns="45720" rtlCol="0" anchor="b"/>
          <a:lstStyle>
            <a:lvl1pPr algn="r">
              <a:defRPr sz="1200"/>
            </a:lvl1pPr>
          </a:lstStyle>
          <a:p>
            <a:fld id="{921B17B7-928F-4540-9370-33415AC157BA}" type="slidenum">
              <a:rPr lang="da-DK" smtClean="0"/>
              <a:t>‹nr.›</a:t>
            </a:fld>
            <a:endParaRPr lang="da-DK"/>
          </a:p>
        </p:txBody>
      </p:sp>
    </p:spTree>
    <p:extLst>
      <p:ext uri="{BB962C8B-B14F-4D97-AF65-F5344CB8AC3E}">
        <p14:creationId xmlns:p14="http://schemas.microsoft.com/office/powerpoint/2010/main" val="151599831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Kort om mig: </a:t>
            </a:r>
          </a:p>
          <a:p>
            <a:pPr marL="171450" indent="-171450">
              <a:buFont typeface="Arial" panose="020B0604020202020204" pitchFamily="34" charset="0"/>
              <a:buChar char="•"/>
            </a:pPr>
            <a:r>
              <a:rPr lang="da-DK" dirty="0"/>
              <a:t>Liv, strategisk konsulent i SDCS, sociolog af baggrund, beskæftiger</a:t>
            </a:r>
            <a:r>
              <a:rPr lang="da-DK" baseline="0" dirty="0"/>
              <a:t> mig med </a:t>
            </a:r>
            <a:r>
              <a:rPr lang="da-DK" dirty="0"/>
              <a:t>ulighed i sundhed og er interesseret i mødet mellem mennesker med forskellige baggrunde og forudsætninger. Også interesseret i involvering</a:t>
            </a:r>
            <a:r>
              <a:rPr lang="da-DK" baseline="0" dirty="0"/>
              <a:t> af sårbare borgere i udviklingen af sundhedsindsatser.</a:t>
            </a:r>
          </a:p>
          <a:p>
            <a:endParaRPr lang="da-DK" dirty="0"/>
          </a:p>
        </p:txBody>
      </p:sp>
      <p:sp>
        <p:nvSpPr>
          <p:cNvPr id="4" name="Pladsholder til slidenummer 3"/>
          <p:cNvSpPr>
            <a:spLocks noGrp="1"/>
          </p:cNvSpPr>
          <p:nvPr>
            <p:ph type="sldNum" sz="quarter" idx="5"/>
          </p:nvPr>
        </p:nvSpPr>
        <p:spPr/>
        <p:txBody>
          <a:bodyPr/>
          <a:lstStyle/>
          <a:p>
            <a:fld id="{921B17B7-928F-4540-9370-33415AC157BA}" type="slidenum">
              <a:rPr lang="da-DK" smtClean="0"/>
              <a:t>1</a:t>
            </a:fld>
            <a:endParaRPr lang="da-DK"/>
          </a:p>
        </p:txBody>
      </p:sp>
    </p:spTree>
    <p:extLst>
      <p:ext uri="{BB962C8B-B14F-4D97-AF65-F5344CB8AC3E}">
        <p14:creationId xmlns:p14="http://schemas.microsoft.com/office/powerpoint/2010/main" val="313836186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Og her er Per, Per er 91 år…</a:t>
            </a:r>
          </a:p>
        </p:txBody>
      </p:sp>
      <p:sp>
        <p:nvSpPr>
          <p:cNvPr id="4" name="Pladsholder til slidenummer 3"/>
          <p:cNvSpPr>
            <a:spLocks noGrp="1"/>
          </p:cNvSpPr>
          <p:nvPr>
            <p:ph type="sldNum" sz="quarter" idx="5"/>
          </p:nvPr>
        </p:nvSpPr>
        <p:spPr/>
        <p:txBody>
          <a:bodyPr/>
          <a:lstStyle/>
          <a:p>
            <a:fld id="{921B17B7-928F-4540-9370-33415AC157BA}" type="slidenum">
              <a:rPr lang="da-DK" smtClean="0"/>
              <a:t>10</a:t>
            </a:fld>
            <a:endParaRPr lang="da-DK"/>
          </a:p>
        </p:txBody>
      </p:sp>
    </p:spTree>
    <p:extLst>
      <p:ext uri="{BB962C8B-B14F-4D97-AF65-F5344CB8AC3E}">
        <p14:creationId xmlns:p14="http://schemas.microsoft.com/office/powerpoint/2010/main" val="262523472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11</a:t>
            </a:fld>
            <a:endParaRPr lang="da-DK"/>
          </a:p>
        </p:txBody>
      </p:sp>
    </p:spTree>
    <p:extLst>
      <p:ext uri="{BB962C8B-B14F-4D97-AF65-F5344CB8AC3E}">
        <p14:creationId xmlns:p14="http://schemas.microsoft.com/office/powerpoint/2010/main" val="268809410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På Slagelse sårcenter oplever de at mange patienter kommer igen med sår, der kunne være undgået.</a:t>
            </a:r>
          </a:p>
          <a:p>
            <a:endParaRPr lang="da-DK" dirty="0"/>
          </a:p>
          <a:p>
            <a:r>
              <a:rPr lang="da-DK" dirty="0"/>
              <a:t>Derfor har de besluttet at arbejde med individuelle og organisatoriske sundhedskompetencer for at se, om det kan skabe mere ”hul igennem” til nogle patientgrupper. </a:t>
            </a:r>
          </a:p>
          <a:p>
            <a:endParaRPr lang="da-DK" dirty="0"/>
          </a:p>
          <a:p>
            <a:r>
              <a:rPr lang="da-DK" dirty="0"/>
              <a:t>De har…</a:t>
            </a:r>
          </a:p>
          <a:p>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12</a:t>
            </a:fld>
            <a:endParaRPr lang="da-DK"/>
          </a:p>
        </p:txBody>
      </p:sp>
    </p:spTree>
    <p:extLst>
      <p:ext uri="{BB962C8B-B14F-4D97-AF65-F5344CB8AC3E}">
        <p14:creationId xmlns:p14="http://schemas.microsoft.com/office/powerpoint/2010/main" val="26055736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21B17B7-928F-4540-9370-33415AC157BA}"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3501541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21B17B7-928F-4540-9370-33415AC157BA}" type="slidenum">
              <a:rPr lang="da-DK" smtClean="0"/>
              <a:t>14</a:t>
            </a:fld>
            <a:endParaRPr lang="da-DK"/>
          </a:p>
        </p:txBody>
      </p:sp>
    </p:spTree>
    <p:extLst>
      <p:ext uri="{BB962C8B-B14F-4D97-AF65-F5344CB8AC3E}">
        <p14:creationId xmlns:p14="http://schemas.microsoft.com/office/powerpoint/2010/main" val="24805254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15</a:t>
            </a:fld>
            <a:endParaRPr lang="da-DK"/>
          </a:p>
        </p:txBody>
      </p:sp>
    </p:spTree>
    <p:extLst>
      <p:ext uri="{BB962C8B-B14F-4D97-AF65-F5344CB8AC3E}">
        <p14:creationId xmlns:p14="http://schemas.microsoft.com/office/powerpoint/2010/main" val="210380126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16</a:t>
            </a:fld>
            <a:endParaRPr lang="da-DK"/>
          </a:p>
        </p:txBody>
      </p:sp>
    </p:spTree>
    <p:extLst>
      <p:ext uri="{BB962C8B-B14F-4D97-AF65-F5344CB8AC3E}">
        <p14:creationId xmlns:p14="http://schemas.microsoft.com/office/powerpoint/2010/main" val="357265171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21B17B7-928F-4540-9370-33415AC157BA}" type="slidenum">
              <a:rPr lang="da-DK" smtClean="0"/>
              <a:t>17</a:t>
            </a:fld>
            <a:endParaRPr lang="da-DK"/>
          </a:p>
        </p:txBody>
      </p:sp>
    </p:spTree>
    <p:extLst>
      <p:ext uri="{BB962C8B-B14F-4D97-AF65-F5344CB8AC3E}">
        <p14:creationId xmlns:p14="http://schemas.microsoft.com/office/powerpoint/2010/main" val="323519106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18</a:t>
            </a:fld>
            <a:endParaRPr lang="da-DK"/>
          </a:p>
        </p:txBody>
      </p:sp>
    </p:spTree>
    <p:extLst>
      <p:ext uri="{BB962C8B-B14F-4D97-AF65-F5344CB8AC3E}">
        <p14:creationId xmlns:p14="http://schemas.microsoft.com/office/powerpoint/2010/main" val="107880310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19</a:t>
            </a:fld>
            <a:endParaRPr lang="da-DK"/>
          </a:p>
        </p:txBody>
      </p:sp>
    </p:spTree>
    <p:extLst>
      <p:ext uri="{BB962C8B-B14F-4D97-AF65-F5344CB8AC3E}">
        <p14:creationId xmlns:p14="http://schemas.microsoft.com/office/powerpoint/2010/main" val="12428601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baseline="0" dirty="0"/>
              <a:t>Anden vinkling på svært helende sår - sundhedskompetencer</a:t>
            </a:r>
            <a:endParaRPr lang="da-DK" dirty="0"/>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aseline="0" dirty="0"/>
              <a:t>Jeg vil i dette oplæg:</a:t>
            </a:r>
          </a:p>
          <a:p>
            <a:pPr marL="628650" lvl="1" indent="-171450">
              <a:buFont typeface="Arial" panose="020B0604020202020204" pitchFamily="34" charset="0"/>
              <a:buChar char="•"/>
            </a:pPr>
            <a:r>
              <a:rPr lang="da-DK" dirty="0"/>
              <a:t>Give en indflyvning til koncepterne sundhedskompetence og organisatorisk sundhedskompetence samt relaterede værktøjer</a:t>
            </a:r>
          </a:p>
          <a:p>
            <a:pPr marL="628650" lvl="1" indent="-171450">
              <a:buFont typeface="Arial" panose="020B0604020202020204" pitchFamily="34" charset="0"/>
              <a:buChar char="•"/>
            </a:pPr>
            <a:r>
              <a:rPr lang="da-DK" dirty="0"/>
              <a:t>Kort præsentere projekt på Slagelse Sårcenter</a:t>
            </a:r>
          </a:p>
          <a:p>
            <a:pPr marL="628650" lvl="1" indent="-171450">
              <a:buFont typeface="Arial" panose="020B0604020202020204" pitchFamily="34" charset="0"/>
              <a:buChar char="•"/>
            </a:pPr>
            <a:r>
              <a:rPr lang="da-DK" dirty="0"/>
              <a:t>Bede jer reflektere over egen praksis</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endParaRPr lang="da-DK" baseline="0" dirty="0"/>
          </a:p>
        </p:txBody>
      </p:sp>
      <p:sp>
        <p:nvSpPr>
          <p:cNvPr id="4" name="Pladsholder til slidenummer 3"/>
          <p:cNvSpPr>
            <a:spLocks noGrp="1"/>
          </p:cNvSpPr>
          <p:nvPr>
            <p:ph type="sldNum" sz="quarter" idx="10"/>
          </p:nvPr>
        </p:nvSpPr>
        <p:spPr/>
        <p:txBody>
          <a:bodyPr/>
          <a:lstStyle/>
          <a:p>
            <a:fld id="{921B17B7-928F-4540-9370-33415AC157BA}" type="slidenum">
              <a:rPr lang="da-DK" smtClean="0"/>
              <a:t>2</a:t>
            </a:fld>
            <a:endParaRPr lang="da-DK"/>
          </a:p>
        </p:txBody>
      </p:sp>
    </p:spTree>
    <p:extLst>
      <p:ext uri="{BB962C8B-B14F-4D97-AF65-F5344CB8AC3E}">
        <p14:creationId xmlns:p14="http://schemas.microsoft.com/office/powerpoint/2010/main" val="226307433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 typeface="Arial" panose="020B0604020202020204" pitchFamily="34" charset="0"/>
              <a:buChar char="•"/>
            </a:pPr>
            <a:r>
              <a:rPr lang="da-DK" sz="1200" b="0" i="0" kern="1200" dirty="0">
                <a:solidFill>
                  <a:schemeClr val="tx1"/>
                </a:solidFill>
                <a:effectLst/>
                <a:latin typeface="+mn-lt"/>
                <a:ea typeface="+mn-ea"/>
                <a:cs typeface="+mn-cs"/>
              </a:rPr>
              <a:t>Relateret til ulighed i sundhed</a:t>
            </a:r>
          </a:p>
          <a:p>
            <a:pPr marL="171450" indent="-171450">
              <a:buFont typeface="Arial" panose="020B0604020202020204" pitchFamily="34" charset="0"/>
              <a:buChar char="•"/>
            </a:pPr>
            <a:endParaRPr lang="da-DK" sz="1200" b="0" i="0" kern="1200" dirty="0">
              <a:solidFill>
                <a:schemeClr val="tx1"/>
              </a:solidFill>
              <a:effectLst/>
              <a:latin typeface="+mn-lt"/>
              <a:ea typeface="+mn-ea"/>
              <a:cs typeface="+mn-cs"/>
            </a:endParaRPr>
          </a:p>
          <a:p>
            <a:pPr marL="171450" indent="-171450">
              <a:buFont typeface="Arial" panose="020B0604020202020204" pitchFamily="34" charset="0"/>
              <a:buChar char="•"/>
            </a:pPr>
            <a:r>
              <a:rPr lang="da-DK" sz="1200" b="0" i="0" kern="1200" dirty="0">
                <a:solidFill>
                  <a:schemeClr val="tx1"/>
                </a:solidFill>
                <a:effectLst/>
                <a:latin typeface="+mn-lt"/>
                <a:ea typeface="+mn-ea"/>
                <a:cs typeface="+mn-cs"/>
              </a:rPr>
              <a:t>Det er ikke befolkningen, der skal passe til systemernes behov, det er systemerne, der skal passe til befolkningens behov</a:t>
            </a:r>
          </a:p>
          <a:p>
            <a:endParaRPr lang="da-DK" sz="1200" b="0" i="0" kern="1200" dirty="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dirty="0"/>
              <a:t>Begrebet har stor relevant i forhold til patient centrering, fællesbeslutningstagning og differentieret behandling</a:t>
            </a:r>
          </a:p>
          <a:p>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20</a:t>
            </a:fld>
            <a:endParaRPr lang="da-DK"/>
          </a:p>
        </p:txBody>
      </p:sp>
    </p:spTree>
    <p:extLst>
      <p:ext uri="{BB962C8B-B14F-4D97-AF65-F5344CB8AC3E}">
        <p14:creationId xmlns:p14="http://schemas.microsoft.com/office/powerpoint/2010/main" val="88397605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21</a:t>
            </a:fld>
            <a:endParaRPr lang="da-DK"/>
          </a:p>
        </p:txBody>
      </p:sp>
    </p:spTree>
    <p:extLst>
      <p:ext uri="{BB962C8B-B14F-4D97-AF65-F5344CB8AC3E}">
        <p14:creationId xmlns:p14="http://schemas.microsoft.com/office/powerpoint/2010/main" val="67500242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i="0" kern="1200" dirty="0" err="1">
                <a:solidFill>
                  <a:schemeClr val="tx1"/>
                </a:solidFill>
                <a:effectLst/>
                <a:latin typeface="+mn-lt"/>
                <a:ea typeface="+mn-ea"/>
                <a:cs typeface="+mn-cs"/>
              </a:rPr>
              <a:t>Conversational</a:t>
            </a:r>
            <a:r>
              <a:rPr lang="da-DK" sz="1200" b="0" i="0" kern="1200" dirty="0">
                <a:solidFill>
                  <a:schemeClr val="tx1"/>
                </a:solidFill>
                <a:effectLst/>
                <a:latin typeface="+mn-lt"/>
                <a:ea typeface="+mn-ea"/>
                <a:cs typeface="+mn-cs"/>
              </a:rPr>
              <a:t> Health </a:t>
            </a:r>
            <a:r>
              <a:rPr lang="da-DK" sz="1200" b="0" i="0" kern="1200" dirty="0" err="1">
                <a:solidFill>
                  <a:schemeClr val="tx1"/>
                </a:solidFill>
                <a:effectLst/>
                <a:latin typeface="+mn-lt"/>
                <a:ea typeface="+mn-ea"/>
                <a:cs typeface="+mn-cs"/>
              </a:rPr>
              <a:t>Literacy</a:t>
            </a:r>
            <a:r>
              <a:rPr lang="da-DK" sz="1200" b="0" i="0" kern="1200" dirty="0">
                <a:solidFill>
                  <a:schemeClr val="tx1"/>
                </a:solidFill>
                <a:effectLst/>
                <a:latin typeface="+mn-lt"/>
                <a:ea typeface="+mn-ea"/>
                <a:cs typeface="+mn-cs"/>
              </a:rPr>
              <a:t> </a:t>
            </a:r>
            <a:r>
              <a:rPr lang="da-DK" sz="1200" b="0" i="0" kern="1200" dirty="0" err="1">
                <a:solidFill>
                  <a:schemeClr val="tx1"/>
                </a:solidFill>
                <a:effectLst/>
                <a:latin typeface="+mn-lt"/>
                <a:ea typeface="+mn-ea"/>
                <a:cs typeface="+mn-cs"/>
              </a:rPr>
              <a:t>Assessment</a:t>
            </a:r>
            <a:r>
              <a:rPr lang="da-DK" sz="1200" b="0" i="0" kern="1200" dirty="0">
                <a:solidFill>
                  <a:schemeClr val="tx1"/>
                </a:solidFill>
                <a:effectLst/>
                <a:latin typeface="+mn-lt"/>
                <a:ea typeface="+mn-ea"/>
                <a:cs typeface="+mn-cs"/>
              </a:rPr>
              <a:t> Tool (CHAT) viste i dette kvalitative </a:t>
            </a:r>
            <a:r>
              <a:rPr lang="da-DK" sz="1200" b="0" i="0" kern="1200" dirty="0" err="1">
                <a:solidFill>
                  <a:schemeClr val="tx1"/>
                </a:solidFill>
                <a:effectLst/>
                <a:latin typeface="+mn-lt"/>
                <a:ea typeface="+mn-ea"/>
                <a:cs typeface="+mn-cs"/>
              </a:rPr>
              <a:t>feasibility</a:t>
            </a:r>
            <a:r>
              <a:rPr lang="da-DK" sz="1200" b="0" i="0" kern="1200" dirty="0">
                <a:solidFill>
                  <a:schemeClr val="tx1"/>
                </a:solidFill>
                <a:effectLst/>
                <a:latin typeface="+mn-lt"/>
                <a:ea typeface="+mn-ea"/>
                <a:cs typeface="+mn-cs"/>
              </a:rPr>
              <a:t>-studie at være et lovende værktøj til at vurdere borgeres individuelle sundhedskompetencer (</a:t>
            </a:r>
            <a:r>
              <a:rPr lang="da-DK" sz="1200" b="0" i="0" kern="1200" dirty="0" err="1">
                <a:solidFill>
                  <a:schemeClr val="tx1"/>
                </a:solidFill>
                <a:effectLst/>
                <a:latin typeface="+mn-lt"/>
                <a:ea typeface="+mn-ea"/>
                <a:cs typeface="+mn-cs"/>
              </a:rPr>
              <a:t>health</a:t>
            </a:r>
            <a:r>
              <a:rPr lang="da-DK" sz="1200" b="0" i="0" kern="1200" dirty="0">
                <a:solidFill>
                  <a:schemeClr val="tx1"/>
                </a:solidFill>
                <a:effectLst/>
                <a:latin typeface="+mn-lt"/>
                <a:ea typeface="+mn-ea"/>
                <a:cs typeface="+mn-cs"/>
              </a:rPr>
              <a:t> </a:t>
            </a:r>
            <a:r>
              <a:rPr lang="da-DK" sz="1200" b="0" i="0" kern="1200" dirty="0" err="1">
                <a:solidFill>
                  <a:schemeClr val="tx1"/>
                </a:solidFill>
                <a:effectLst/>
                <a:latin typeface="+mn-lt"/>
                <a:ea typeface="+mn-ea"/>
                <a:cs typeface="+mn-cs"/>
              </a:rPr>
              <a:t>literacy</a:t>
            </a:r>
            <a:r>
              <a:rPr lang="da-DK" sz="1200" b="0" i="0" kern="1200" dirty="0">
                <a:solidFill>
                  <a:schemeClr val="tx1"/>
                </a:solidFill>
                <a:effectLst/>
                <a:latin typeface="+mn-lt"/>
                <a:ea typeface="+mn-ea"/>
                <a:cs typeface="+mn-cs"/>
              </a:rPr>
              <a:t>) og behov for hjælp dertil. Studiet øgede bevidstheden om dette blandt personalet. CHAT kan fungere som et værktøj til at forbedre organisatorisk sundhedskompetence, men er mindre velegnet til at opsummere den nødvendige støtte. Derfor er der behov for andre værktøjer for effektivt at forbedre de organisatoriske sundhedskompetencer. Lave sproglige evner og borgere, som ikke kan beskrive deres vanskeligheder detaljeret, er en barriere for CHAT. </a:t>
            </a:r>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22</a:t>
            </a:fld>
            <a:endParaRPr lang="da-DK"/>
          </a:p>
        </p:txBody>
      </p:sp>
    </p:spTree>
    <p:extLst>
      <p:ext uri="{BB962C8B-B14F-4D97-AF65-F5344CB8AC3E}">
        <p14:creationId xmlns:p14="http://schemas.microsoft.com/office/powerpoint/2010/main" val="173921917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23</a:t>
            </a:fld>
            <a:endParaRPr lang="da-DK"/>
          </a:p>
        </p:txBody>
      </p:sp>
    </p:spTree>
    <p:extLst>
      <p:ext uri="{BB962C8B-B14F-4D97-AF65-F5344CB8AC3E}">
        <p14:creationId xmlns:p14="http://schemas.microsoft.com/office/powerpoint/2010/main" val="239358239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21B17B7-928F-4540-9370-33415AC157BA}" type="slidenum">
              <a:rPr lang="da-DK" smtClean="0"/>
              <a:t>24</a:t>
            </a:fld>
            <a:endParaRPr lang="da-DK"/>
          </a:p>
        </p:txBody>
      </p:sp>
    </p:spTree>
    <p:extLst>
      <p:ext uri="{BB962C8B-B14F-4D97-AF65-F5344CB8AC3E}">
        <p14:creationId xmlns:p14="http://schemas.microsoft.com/office/powerpoint/2010/main" val="13498353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dirty="0"/>
              <a:t>At være patient i sundhedsvæsnet er lidt som at navigere i en lufthavn,</a:t>
            </a:r>
          </a:p>
          <a:p>
            <a:pPr marL="0" indent="0">
              <a:buFont typeface="Arial" panose="020B0604020202020204" pitchFamily="34" charset="0"/>
              <a:buNone/>
            </a:pPr>
            <a:r>
              <a:rPr lang="da-DK" dirty="0"/>
              <a:t> </a:t>
            </a:r>
          </a:p>
          <a:p>
            <a:pPr marL="171450" indent="-171450">
              <a:buFont typeface="Arial" panose="020B0604020202020204" pitchFamily="34" charset="0"/>
              <a:buChar char="•"/>
            </a:pPr>
            <a:r>
              <a:rPr lang="da-DK" dirty="0"/>
              <a:t>måske være under pres, </a:t>
            </a:r>
          </a:p>
          <a:p>
            <a:pPr marL="171450" indent="-171450">
              <a:buFont typeface="Arial" panose="020B0604020202020204" pitchFamily="34" charset="0"/>
              <a:buChar char="•"/>
            </a:pPr>
            <a:r>
              <a:rPr lang="da-DK" dirty="0"/>
              <a:t>forstå</a:t>
            </a:r>
            <a:r>
              <a:rPr lang="da-DK" baseline="0" dirty="0"/>
              <a:t> informationen, </a:t>
            </a:r>
          </a:p>
          <a:p>
            <a:pPr marL="171450" indent="-171450">
              <a:buFont typeface="Arial" panose="020B0604020202020204" pitchFamily="34" charset="0"/>
              <a:buChar char="•"/>
            </a:pPr>
            <a:r>
              <a:rPr lang="da-DK" baseline="0" dirty="0"/>
              <a:t>kunne handle på den, </a:t>
            </a:r>
          </a:p>
          <a:p>
            <a:pPr marL="171450" indent="-171450">
              <a:buFont typeface="Arial" panose="020B0604020202020204" pitchFamily="34" charset="0"/>
              <a:buChar char="•"/>
            </a:pPr>
            <a:r>
              <a:rPr lang="da-DK" baseline="0" dirty="0"/>
              <a:t>samarbejde med de professionelle, som man er dybt afhængig af</a:t>
            </a:r>
          </a:p>
          <a:p>
            <a:pPr marL="171450" indent="-171450">
              <a:buFont typeface="Arial" panose="020B0604020202020204" pitchFamily="34" charset="0"/>
              <a:buChar char="•"/>
            </a:pPr>
            <a:endParaRPr lang="da-DK" baseline="0" dirty="0"/>
          </a:p>
          <a:p>
            <a:pPr marL="0" indent="0">
              <a:buFont typeface="Arial" panose="020B0604020202020204" pitchFamily="34" charset="0"/>
              <a:buNone/>
            </a:pPr>
            <a:r>
              <a:rPr lang="da-DK" baseline="0" dirty="0"/>
              <a:t>Det har mennesker forskellige forudsætninger for, og det spiller i høj grad ind på ens oplevelser og forløb.</a:t>
            </a:r>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3</a:t>
            </a:fld>
            <a:endParaRPr lang="da-DK"/>
          </a:p>
        </p:txBody>
      </p:sp>
    </p:spTree>
    <p:extLst>
      <p:ext uri="{BB962C8B-B14F-4D97-AF65-F5344CB8AC3E}">
        <p14:creationId xmlns:p14="http://schemas.microsoft.com/office/powerpoint/2010/main" val="35466672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 typeface="Arial" panose="020B0604020202020204" pitchFamily="34" charset="0"/>
              <a:buChar char="•"/>
            </a:pPr>
            <a:r>
              <a:rPr lang="da-DK" dirty="0"/>
              <a:t>Begreb introduceret i 1970erne og oversat fra det engelske begreb Health </a:t>
            </a:r>
            <a:r>
              <a:rPr lang="da-DK" dirty="0" err="1"/>
              <a:t>Literacy</a:t>
            </a: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Kort fortalt handler sundhedskompetence om individers evner og muligheder for at håndtere sygdom og sundhed, og herunder at få adgang til, forstå og anvende sundhedsinformation og tilbud, og samarbejde med de professionelle. Det omhandler fx elementer som: </a:t>
            </a:r>
          </a:p>
          <a:p>
            <a:pPr marL="628650" lvl="1" indent="-171450">
              <a:buFont typeface="Arial" panose="020B0604020202020204" pitchFamily="34" charset="0"/>
              <a:buChar char="•"/>
            </a:pPr>
            <a:r>
              <a:rPr lang="da-DK" dirty="0"/>
              <a:t>Sundhedskommunikation og information </a:t>
            </a:r>
          </a:p>
          <a:p>
            <a:pPr marL="628650" lvl="1" indent="-171450">
              <a:buFont typeface="Arial" panose="020B0604020202020204" pitchFamily="34" charset="0"/>
              <a:buChar char="•"/>
            </a:pPr>
            <a:r>
              <a:rPr lang="da-DK" dirty="0"/>
              <a:t>navigation </a:t>
            </a:r>
          </a:p>
          <a:p>
            <a:pPr marL="628650" lvl="1" indent="-171450">
              <a:buFont typeface="Arial" panose="020B0604020202020204" pitchFamily="34" charset="0"/>
              <a:buChar char="•"/>
            </a:pPr>
            <a:r>
              <a:rPr lang="da-DK" dirty="0"/>
              <a:t>mestring og handlemuligheder, </a:t>
            </a:r>
          </a:p>
          <a:p>
            <a:pPr marL="628650" lvl="1" indent="-171450">
              <a:buFont typeface="Arial" panose="020B0604020202020204" pitchFamily="34" charset="0"/>
              <a:buChar char="•"/>
            </a:pPr>
            <a:r>
              <a:rPr lang="da-DK" dirty="0"/>
              <a:t>støttenetværk og relationer </a:t>
            </a:r>
          </a:p>
          <a:p>
            <a:pPr marL="0" indent="0">
              <a:buFont typeface="Arial" panose="020B0604020202020204" pitchFamily="34" charset="0"/>
              <a:buNone/>
            </a:pPr>
            <a:endParaRPr lang="da-DK" dirty="0"/>
          </a:p>
          <a:p>
            <a:pPr marL="171450" indent="-171450">
              <a:buFont typeface="Arial" panose="020B0604020202020204" pitchFamily="34" charset="0"/>
              <a:buChar char="•"/>
            </a:pPr>
            <a:r>
              <a:rPr lang="da-DK" dirty="0"/>
              <a:t>Billedet her illustrerer hvad der måske lidt for ofte sker i mødet mellem behandler og patient – behandlerne er meget fokuserede på at </a:t>
            </a:r>
            <a:r>
              <a:rPr lang="da-DK" u="sng" dirty="0"/>
              <a:t>levere en masse information</a:t>
            </a:r>
            <a:r>
              <a:rPr lang="da-DK" u="none" dirty="0"/>
              <a:t> og patienten er fokuseret på at være en </a:t>
            </a:r>
            <a:r>
              <a:rPr lang="da-DK" u="sng" dirty="0"/>
              <a:t>god patient som siger ”ok”, </a:t>
            </a:r>
            <a:r>
              <a:rPr lang="da-DK" u="none" dirty="0"/>
              <a:t>mens der sker en masse andet inde i hovedet på patienten.</a:t>
            </a:r>
          </a:p>
          <a:p>
            <a:pPr marL="171450" indent="-171450">
              <a:buFont typeface="Arial" panose="020B0604020202020204" pitchFamily="34" charset="0"/>
              <a:buChar char="•"/>
            </a:pPr>
            <a:endParaRPr lang="da-DK" u="none" dirty="0"/>
          </a:p>
          <a:p>
            <a:pPr marL="171450" indent="-171450">
              <a:buFont typeface="Arial" panose="020B0604020202020204" pitchFamily="34" charset="0"/>
              <a:buChar char="•"/>
            </a:pPr>
            <a:r>
              <a:rPr lang="da-DK" u="none" dirty="0"/>
              <a:t>Og et sådan møde spiller selvfølgelig ind på, hvad der sker når patienten går hjem, og hvordan det videre forløb udspiller sig, fx i forhold til sårpleje.</a:t>
            </a:r>
          </a:p>
          <a:p>
            <a:pPr marL="171450" indent="-171450">
              <a:buFont typeface="Arial" panose="020B0604020202020204" pitchFamily="34" charset="0"/>
              <a:buChar char="•"/>
            </a:pPr>
            <a:endParaRPr lang="da-DK" u="none" dirty="0"/>
          </a:p>
        </p:txBody>
      </p:sp>
      <p:sp>
        <p:nvSpPr>
          <p:cNvPr id="4" name="Pladsholder til slidenummer 3"/>
          <p:cNvSpPr>
            <a:spLocks noGrp="1"/>
          </p:cNvSpPr>
          <p:nvPr>
            <p:ph type="sldNum" sz="quarter" idx="5"/>
          </p:nvPr>
        </p:nvSpPr>
        <p:spPr/>
        <p:txBody>
          <a:bodyPr/>
          <a:lstStyle/>
          <a:p>
            <a:fld id="{921B17B7-928F-4540-9370-33415AC157BA}" type="slidenum">
              <a:rPr lang="da-DK" smtClean="0"/>
              <a:t>4</a:t>
            </a:fld>
            <a:endParaRPr lang="da-DK"/>
          </a:p>
        </p:txBody>
      </p:sp>
    </p:spTree>
    <p:extLst>
      <p:ext uri="{BB962C8B-B14F-4D97-AF65-F5344CB8AC3E}">
        <p14:creationId xmlns:p14="http://schemas.microsoft.com/office/powerpoint/2010/main" val="13895634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t>Det</a:t>
            </a:r>
            <a:r>
              <a:rPr lang="en-US" dirty="0"/>
              <a:t> </a:t>
            </a:r>
            <a:r>
              <a:rPr lang="en-US" dirty="0" err="1"/>
              <a:t>er</a:t>
            </a:r>
            <a:r>
              <a:rPr lang="en-US" dirty="0"/>
              <a:t> </a:t>
            </a:r>
            <a:r>
              <a:rPr lang="en-US" dirty="0" err="1"/>
              <a:t>vigtigt</a:t>
            </a:r>
            <a:r>
              <a:rPr lang="en-US" dirty="0"/>
              <a:t> at </a:t>
            </a:r>
            <a:r>
              <a:rPr lang="en-US" dirty="0" err="1"/>
              <a:t>deltagerne</a:t>
            </a:r>
            <a:r>
              <a:rPr lang="en-US" dirty="0"/>
              <a:t> </a:t>
            </a:r>
            <a:r>
              <a:rPr lang="en-US" dirty="0" err="1"/>
              <a:t>forstår</a:t>
            </a:r>
            <a:r>
              <a:rPr lang="en-US" dirty="0"/>
              <a:t> I </a:t>
            </a:r>
            <a:r>
              <a:rPr lang="en-US" dirty="0" err="1"/>
              <a:t>hvor</a:t>
            </a:r>
            <a:r>
              <a:rPr lang="en-US" dirty="0"/>
              <a:t> mange </a:t>
            </a:r>
            <a:r>
              <a:rPr lang="en-US" dirty="0" err="1"/>
              <a:t>sammenhænge</a:t>
            </a:r>
            <a:r>
              <a:rPr lang="en-US" dirty="0"/>
              <a:t>, </a:t>
            </a:r>
            <a:r>
              <a:rPr lang="en-US" dirty="0" err="1"/>
              <a:t>formater</a:t>
            </a:r>
            <a:r>
              <a:rPr lang="en-US" dirty="0"/>
              <a:t> </a:t>
            </a:r>
            <a:r>
              <a:rPr lang="en-US" dirty="0" err="1"/>
              <a:t>og</a:t>
            </a:r>
            <a:r>
              <a:rPr lang="en-US" dirty="0"/>
              <a:t> settings</a:t>
            </a:r>
            <a:r>
              <a:rPr lang="en-US" baseline="0" dirty="0"/>
              <a:t> </a:t>
            </a:r>
            <a:r>
              <a:rPr lang="en-US" baseline="0" dirty="0" err="1"/>
              <a:t>sundhedsinformation</a:t>
            </a:r>
            <a:r>
              <a:rPr lang="en-US" baseline="0" dirty="0"/>
              <a:t> </a:t>
            </a:r>
            <a:r>
              <a:rPr lang="en-US" baseline="0" dirty="0" err="1"/>
              <a:t>indgår</a:t>
            </a:r>
            <a:r>
              <a:rPr lang="en-US" baseline="0" dirty="0"/>
              <a:t>. </a:t>
            </a:r>
          </a:p>
          <a:p>
            <a:r>
              <a:rPr lang="en-US" baseline="0" dirty="0" err="1"/>
              <a:t>Nogle</a:t>
            </a:r>
            <a:r>
              <a:rPr lang="en-US" baseline="0" dirty="0"/>
              <a:t> </a:t>
            </a:r>
            <a:r>
              <a:rPr lang="en-US" baseline="0" dirty="0" err="1"/>
              <a:t>gode</a:t>
            </a:r>
            <a:r>
              <a:rPr lang="en-US" baseline="0" dirty="0"/>
              <a:t> </a:t>
            </a:r>
            <a:r>
              <a:rPr lang="en-US" baseline="0" dirty="0" err="1"/>
              <a:t>eksempler</a:t>
            </a:r>
            <a:r>
              <a:rPr lang="en-US" baseline="0" dirty="0"/>
              <a:t>: </a:t>
            </a:r>
            <a:r>
              <a:rPr lang="en-US" baseline="0" dirty="0" err="1"/>
              <a:t>Konsultationer</a:t>
            </a:r>
            <a:r>
              <a:rPr lang="en-US" baseline="0" dirty="0"/>
              <a:t>, </a:t>
            </a:r>
            <a:r>
              <a:rPr lang="en-US" baseline="0" dirty="0" err="1"/>
              <a:t>møder</a:t>
            </a:r>
            <a:r>
              <a:rPr lang="en-US" baseline="0" dirty="0"/>
              <a:t> med </a:t>
            </a:r>
            <a:r>
              <a:rPr lang="en-US" baseline="0" dirty="0" err="1"/>
              <a:t>naboen</a:t>
            </a:r>
            <a:r>
              <a:rPr lang="en-US" baseline="0" dirty="0"/>
              <a:t>, brochure </a:t>
            </a:r>
            <a:r>
              <a:rPr lang="en-US" baseline="0" dirty="0" err="1"/>
              <a:t>på</a:t>
            </a:r>
            <a:r>
              <a:rPr lang="en-US" baseline="0" dirty="0"/>
              <a:t> </a:t>
            </a:r>
            <a:r>
              <a:rPr lang="en-US" baseline="0" dirty="0" err="1"/>
              <a:t>biblioteket</a:t>
            </a:r>
            <a:r>
              <a:rPr lang="en-US" baseline="0" dirty="0"/>
              <a:t>, </a:t>
            </a:r>
            <a:r>
              <a:rPr lang="en-US" baseline="0" dirty="0" err="1"/>
              <a:t>digitale</a:t>
            </a:r>
            <a:r>
              <a:rPr lang="en-US" baseline="0" dirty="0"/>
              <a:t> </a:t>
            </a:r>
            <a:r>
              <a:rPr lang="en-US" baseline="0" dirty="0" err="1"/>
              <a:t>og</a:t>
            </a:r>
            <a:r>
              <a:rPr lang="en-US" baseline="0" dirty="0"/>
              <a:t> </a:t>
            </a:r>
            <a:r>
              <a:rPr lang="en-US" baseline="0" dirty="0" err="1"/>
              <a:t>sociale</a:t>
            </a:r>
            <a:r>
              <a:rPr lang="en-US" baseline="0" dirty="0"/>
              <a:t> </a:t>
            </a:r>
            <a:r>
              <a:rPr lang="en-US" baseline="0" dirty="0" err="1"/>
              <a:t>medier</a:t>
            </a:r>
            <a:r>
              <a:rPr lang="en-US" baseline="0" dirty="0"/>
              <a:t>, </a:t>
            </a:r>
            <a:r>
              <a:rPr lang="en-US" baseline="0" dirty="0" err="1"/>
              <a:t>på</a:t>
            </a:r>
            <a:r>
              <a:rPr lang="en-US" baseline="0" dirty="0"/>
              <a:t> </a:t>
            </a:r>
            <a:r>
              <a:rPr lang="en-US" baseline="0" dirty="0" err="1"/>
              <a:t>sygehusets</a:t>
            </a:r>
            <a:r>
              <a:rPr lang="en-US" baseline="0" dirty="0"/>
              <a:t> </a:t>
            </a:r>
            <a:r>
              <a:rPr lang="en-US" baseline="0" dirty="0" err="1"/>
              <a:t>skilte</a:t>
            </a:r>
            <a:r>
              <a:rPr lang="en-US" baseline="0" dirty="0"/>
              <a:t>, </a:t>
            </a:r>
            <a:r>
              <a:rPr lang="en-US" baseline="0" dirty="0" err="1"/>
              <a:t>i</a:t>
            </a:r>
            <a:r>
              <a:rPr lang="en-US" baseline="0" dirty="0"/>
              <a:t> </a:t>
            </a:r>
            <a:r>
              <a:rPr lang="en-US" baseline="0" dirty="0" err="1"/>
              <a:t>gadebilledet</a:t>
            </a:r>
            <a:r>
              <a:rPr lang="en-US" baseline="0" dirty="0"/>
              <a:t>, </a:t>
            </a:r>
            <a:r>
              <a:rPr lang="en-US" baseline="0" dirty="0" err="1"/>
              <a:t>i</a:t>
            </a:r>
            <a:r>
              <a:rPr lang="en-US" baseline="0" dirty="0"/>
              <a:t> </a:t>
            </a:r>
            <a:r>
              <a:rPr lang="en-US" baseline="0" dirty="0" err="1"/>
              <a:t>supermarkedet</a:t>
            </a:r>
            <a:r>
              <a:rPr lang="en-US" baseline="0" dirty="0"/>
              <a:t>, </a:t>
            </a:r>
            <a:r>
              <a:rPr lang="en-US" baseline="0" dirty="0" err="1"/>
              <a:t>i</a:t>
            </a:r>
            <a:r>
              <a:rPr lang="en-US" baseline="0" dirty="0"/>
              <a:t> </a:t>
            </a:r>
            <a:r>
              <a:rPr lang="en-US" baseline="0" dirty="0" err="1"/>
              <a:t>tv</a:t>
            </a:r>
            <a:r>
              <a:rPr lang="en-US" baseline="0" dirty="0"/>
              <a:t> etc.</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07374240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21B17B7-928F-4540-9370-33415AC157BA}" type="slidenum">
              <a:rPr lang="da-DK" smtClean="0"/>
              <a:t>6</a:t>
            </a:fld>
            <a:endParaRPr lang="da-DK"/>
          </a:p>
        </p:txBody>
      </p:sp>
    </p:spTree>
    <p:extLst>
      <p:ext uri="{BB962C8B-B14F-4D97-AF65-F5344CB8AC3E}">
        <p14:creationId xmlns:p14="http://schemas.microsoft.com/office/powerpoint/2010/main" val="12141694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i="0" kern="1200" dirty="0">
                <a:solidFill>
                  <a:schemeClr val="tx1"/>
                </a:solidFill>
                <a:effectLst/>
                <a:latin typeface="+mn-lt"/>
                <a:ea typeface="+mn-ea"/>
                <a:cs typeface="+mn-cs"/>
              </a:rPr>
              <a:t>Fra et organisatorisk synspunkt handler sundhedskompetence om adgang. Ikke kun om formelt at </a:t>
            </a:r>
            <a:r>
              <a:rPr lang="da-DK" sz="1200" b="0" i="1" kern="1200" dirty="0">
                <a:solidFill>
                  <a:schemeClr val="tx1"/>
                </a:solidFill>
                <a:effectLst/>
                <a:latin typeface="+mn-lt"/>
                <a:ea typeface="+mn-ea"/>
                <a:cs typeface="+mn-cs"/>
              </a:rPr>
              <a:t>have</a:t>
            </a:r>
            <a:r>
              <a:rPr lang="da-DK" sz="1200" b="0" i="0" kern="1200" dirty="0">
                <a:solidFill>
                  <a:schemeClr val="tx1"/>
                </a:solidFill>
                <a:effectLst/>
                <a:latin typeface="+mn-lt"/>
                <a:ea typeface="+mn-ea"/>
                <a:cs typeface="+mn-cs"/>
              </a:rPr>
              <a:t> adgang (for det har jo alle danskere jævnfør sundhedsloven), men også om at </a:t>
            </a:r>
            <a:r>
              <a:rPr lang="da-DK" sz="1200" b="0" i="1" kern="1200" dirty="0">
                <a:solidFill>
                  <a:schemeClr val="tx1"/>
                </a:solidFill>
                <a:effectLst/>
                <a:latin typeface="+mn-lt"/>
                <a:ea typeface="+mn-ea"/>
                <a:cs typeface="+mn-cs"/>
              </a:rPr>
              <a:t>give</a:t>
            </a:r>
            <a:r>
              <a:rPr lang="da-DK" sz="1200" b="0" i="0" kern="1200" dirty="0">
                <a:solidFill>
                  <a:schemeClr val="tx1"/>
                </a:solidFill>
                <a:effectLst/>
                <a:latin typeface="+mn-lt"/>
                <a:ea typeface="+mn-ea"/>
                <a:cs typeface="+mn-cs"/>
              </a:rPr>
              <a:t> adgang. Om at kunne støtte borger i det, som han eller hun har behov for. </a:t>
            </a:r>
          </a:p>
          <a:p>
            <a:endParaRPr lang="da-DK" sz="1200" b="0" i="0" kern="1200" dirty="0">
              <a:solidFill>
                <a:schemeClr val="tx1"/>
              </a:solidFill>
              <a:effectLst/>
              <a:latin typeface="+mn-lt"/>
              <a:ea typeface="+mn-ea"/>
              <a:cs typeface="+mn-cs"/>
            </a:endParaRPr>
          </a:p>
          <a:p>
            <a:r>
              <a:rPr lang="da-DK" dirty="0"/>
              <a:t>Organisatorisk sundhedskompetence kan forstås som organisationers evne til at gøre det let for borgere at navigere i, forstå og bruge sundhedsservices til at varetage egen sundhed. </a:t>
            </a:r>
          </a:p>
          <a:p>
            <a:endParaRPr lang="da-DK" dirty="0"/>
          </a:p>
          <a:p>
            <a:r>
              <a:rPr lang="da-DK" dirty="0"/>
              <a:t>Altså organisationers evne til at gøre det lettere for borgerne at bruge deres individuelle sundhedskompetencer!</a:t>
            </a:r>
          </a:p>
          <a:p>
            <a:br>
              <a:rPr lang="da-DK" dirty="0"/>
            </a:br>
            <a:r>
              <a:rPr lang="da-DK" dirty="0"/>
              <a:t>Spiller sammen med patient centrering, fællesbeslutningstagning og differentieret behandling og Forbedres ved at sænke krav og kompleksitet</a:t>
            </a:r>
          </a:p>
        </p:txBody>
      </p:sp>
      <p:sp>
        <p:nvSpPr>
          <p:cNvPr id="4" name="Pladsholder til slidenummer 3"/>
          <p:cNvSpPr>
            <a:spLocks noGrp="1"/>
          </p:cNvSpPr>
          <p:nvPr>
            <p:ph type="sldNum" sz="quarter" idx="10"/>
          </p:nvPr>
        </p:nvSpPr>
        <p:spPr/>
        <p:txBody>
          <a:bodyPr/>
          <a:lstStyle/>
          <a:p>
            <a:fld id="{921B17B7-928F-4540-9370-33415AC157BA}" type="slidenum">
              <a:rPr lang="da-DK" smtClean="0"/>
              <a:t>7</a:t>
            </a:fld>
            <a:endParaRPr lang="da-DK"/>
          </a:p>
        </p:txBody>
      </p:sp>
    </p:spTree>
    <p:extLst>
      <p:ext uri="{BB962C8B-B14F-4D97-AF65-F5344CB8AC3E}">
        <p14:creationId xmlns:p14="http://schemas.microsoft.com/office/powerpoint/2010/main" val="31444928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a:solidFill>
                <a:schemeClr val="tx1"/>
              </a:solidFill>
              <a:effectLst/>
              <a:latin typeface="+mn-lt"/>
              <a:ea typeface="+mn-ea"/>
              <a:cs typeface="+mn-cs"/>
            </a:endParaRPr>
          </a:p>
          <a:p>
            <a:r>
              <a:rPr lang="da-DK" sz="1200" b="0" i="0" kern="1200" dirty="0">
                <a:solidFill>
                  <a:schemeClr val="tx1"/>
                </a:solidFill>
                <a:effectLst/>
                <a:latin typeface="+mn-lt"/>
                <a:ea typeface="+mn-ea"/>
                <a:cs typeface="+mn-cs"/>
              </a:rPr>
              <a:t>Nogle gange kan det gøres inden for de aktuelle rammer, andre gange skal der nogle mere overordnede, ledelses- og strategimæssige overvejelser til.</a:t>
            </a:r>
            <a:endParaRPr lang="da-DK" dirty="0"/>
          </a:p>
        </p:txBody>
      </p:sp>
      <p:sp>
        <p:nvSpPr>
          <p:cNvPr id="4" name="Pladsholder til slidenummer 3"/>
          <p:cNvSpPr>
            <a:spLocks noGrp="1"/>
          </p:cNvSpPr>
          <p:nvPr>
            <p:ph type="sldNum" sz="quarter" idx="10"/>
          </p:nvPr>
        </p:nvSpPr>
        <p:spPr/>
        <p:txBody>
          <a:bodyPr/>
          <a:lstStyle/>
          <a:p>
            <a:fld id="{921B17B7-928F-4540-9370-33415AC157BA}" type="slidenum">
              <a:rPr lang="da-DK" smtClean="0"/>
              <a:t>8</a:t>
            </a:fld>
            <a:endParaRPr lang="da-DK"/>
          </a:p>
        </p:txBody>
      </p:sp>
    </p:spTree>
    <p:extLst>
      <p:ext uri="{BB962C8B-B14F-4D97-AF65-F5344CB8AC3E}">
        <p14:creationId xmlns:p14="http://schemas.microsoft.com/office/powerpoint/2010/main" val="279660448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I Sårcentret på Slagelse Sygehus i Region Sjælland har de igennem et par år haft fokus på sundhedskompetence, og jeg vender tilbage til hvordan.</a:t>
            </a:r>
          </a:p>
          <a:p>
            <a:endParaRPr lang="da-DK" dirty="0"/>
          </a:p>
          <a:p>
            <a:r>
              <a:rPr lang="da-DK" dirty="0"/>
              <a:t>Men jeg har taget et par patientcases med herfra, som beskriver det spænd i sundhedskompetence behandlerne oplever og skal håndtere. </a:t>
            </a:r>
          </a:p>
          <a:p>
            <a:endParaRPr lang="da-DK" dirty="0"/>
          </a:p>
          <a:p>
            <a:r>
              <a:rPr lang="da-DK" dirty="0"/>
              <a:t>Så her er Dennis. Dennis er 33 år, patient i et sårcenter, hvor han kommer for anden gang med sår, som ikke vil hele…</a:t>
            </a:r>
          </a:p>
        </p:txBody>
      </p:sp>
      <p:sp>
        <p:nvSpPr>
          <p:cNvPr id="4" name="Pladsholder til slidenummer 3"/>
          <p:cNvSpPr>
            <a:spLocks noGrp="1"/>
          </p:cNvSpPr>
          <p:nvPr>
            <p:ph type="sldNum" sz="quarter" idx="5"/>
          </p:nvPr>
        </p:nvSpPr>
        <p:spPr/>
        <p:txBody>
          <a:bodyPr/>
          <a:lstStyle/>
          <a:p>
            <a:fld id="{921B17B7-928F-4540-9370-33415AC157BA}" type="slidenum">
              <a:rPr lang="da-DK" smtClean="0"/>
              <a:t>9</a:t>
            </a:fld>
            <a:endParaRPr lang="da-DK"/>
          </a:p>
        </p:txBody>
      </p:sp>
    </p:spTree>
    <p:extLst>
      <p:ext uri="{BB962C8B-B14F-4D97-AF65-F5344CB8AC3E}">
        <p14:creationId xmlns:p14="http://schemas.microsoft.com/office/powerpoint/2010/main" val="424833337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slide">
    <p:bg>
      <p:bgPr>
        <a:solidFill>
          <a:schemeClr val="tx1"/>
        </a:solidFill>
        <a:effectLst/>
      </p:bgPr>
    </p:bg>
    <p:spTree>
      <p:nvGrpSpPr>
        <p:cNvPr id="1" name=""/>
        <p:cNvGrpSpPr/>
        <p:nvPr/>
      </p:nvGrpSpPr>
      <p:grpSpPr>
        <a:xfrm>
          <a:off x="0" y="0"/>
          <a:ext cx="0" cy="0"/>
          <a:chOff x="0" y="0"/>
          <a:chExt cx="0" cy="0"/>
        </a:xfrm>
      </p:grpSpPr>
      <p:sp>
        <p:nvSpPr>
          <p:cNvPr id="97" name="Kombinationstegning: figur 96">
            <a:extLst>
              <a:ext uri="{FF2B5EF4-FFF2-40B4-BE49-F238E27FC236}">
                <a16:creationId xmlns:a16="http://schemas.microsoft.com/office/drawing/2014/main" id="{C3CE9A8D-C8DC-4FF9-9C66-990D3DB8BEC8}"/>
              </a:ext>
            </a:extLst>
          </p:cNvPr>
          <p:cNvSpPr/>
          <p:nvPr/>
        </p:nvSpPr>
        <p:spPr>
          <a:xfrm>
            <a:off x="7209063" y="1"/>
            <a:ext cx="957763" cy="478882"/>
          </a:xfrm>
          <a:custGeom>
            <a:avLst/>
            <a:gdLst>
              <a:gd name="connsiteX0" fmla="*/ 636943 w 1273886"/>
              <a:gd name="connsiteY0" fmla="*/ 636943 h 636943"/>
              <a:gd name="connsiteX1" fmla="*/ 1273886 w 1273886"/>
              <a:gd name="connsiteY1" fmla="*/ 0 h 636943"/>
              <a:gd name="connsiteX2" fmla="*/ 0 w 1273886"/>
              <a:gd name="connsiteY2" fmla="*/ 0 h 636943"/>
              <a:gd name="connsiteX3" fmla="*/ 636943 w 1273886"/>
              <a:gd name="connsiteY3" fmla="*/ 636943 h 636943"/>
            </a:gdLst>
            <a:ahLst/>
            <a:cxnLst>
              <a:cxn ang="0">
                <a:pos x="connsiteX0" y="connsiteY0"/>
              </a:cxn>
              <a:cxn ang="0">
                <a:pos x="connsiteX1" y="connsiteY1"/>
              </a:cxn>
              <a:cxn ang="0">
                <a:pos x="connsiteX2" y="connsiteY2"/>
              </a:cxn>
              <a:cxn ang="0">
                <a:pos x="connsiteX3" y="connsiteY3"/>
              </a:cxn>
            </a:cxnLst>
            <a:rect l="l" t="t" r="r" b="b"/>
            <a:pathLst>
              <a:path w="1273886" h="636943">
                <a:moveTo>
                  <a:pt x="636943" y="636943"/>
                </a:moveTo>
                <a:cubicBezTo>
                  <a:pt x="988720" y="636943"/>
                  <a:pt x="1273886" y="351765"/>
                  <a:pt x="1273886" y="0"/>
                </a:cubicBezTo>
                <a:lnTo>
                  <a:pt x="0" y="0"/>
                </a:lnTo>
                <a:cubicBezTo>
                  <a:pt x="0" y="351765"/>
                  <a:pt x="285179" y="636943"/>
                  <a:pt x="636943" y="636943"/>
                </a:cubicBezTo>
              </a:path>
            </a:pathLst>
          </a:custGeom>
          <a:solidFill>
            <a:schemeClr val="accent1"/>
          </a:solidFill>
          <a:ln w="12700" cap="flat">
            <a:noFill/>
            <a:prstDash val="solid"/>
            <a:miter/>
          </a:ln>
        </p:spPr>
        <p:txBody>
          <a:bodyPr rtlCol="0" anchor="ctr"/>
          <a:lstStyle/>
          <a:p>
            <a:endParaRPr lang="da-DK"/>
          </a:p>
        </p:txBody>
      </p:sp>
      <p:grpSp>
        <p:nvGrpSpPr>
          <p:cNvPr id="4" name="Gruppe 3">
            <a:extLst>
              <a:ext uri="{FF2B5EF4-FFF2-40B4-BE49-F238E27FC236}">
                <a16:creationId xmlns:a16="http://schemas.microsoft.com/office/drawing/2014/main" id="{D7FC999A-CC55-4E97-87A3-E1139881E14A}"/>
              </a:ext>
            </a:extLst>
          </p:cNvPr>
          <p:cNvGrpSpPr/>
          <p:nvPr userDrawn="1"/>
        </p:nvGrpSpPr>
        <p:grpSpPr>
          <a:xfrm>
            <a:off x="6420684" y="2078491"/>
            <a:ext cx="5771317" cy="4794022"/>
            <a:chOff x="5743202" y="1501218"/>
            <a:chExt cx="6448799" cy="5356782"/>
          </a:xfrm>
        </p:grpSpPr>
        <p:sp>
          <p:nvSpPr>
            <p:cNvPr id="95" name="Kombinationstegning: figur 94">
              <a:extLst>
                <a:ext uri="{FF2B5EF4-FFF2-40B4-BE49-F238E27FC236}">
                  <a16:creationId xmlns:a16="http://schemas.microsoft.com/office/drawing/2014/main" id="{0762A4BC-4429-4D14-81C9-15EC3741CC68}"/>
                </a:ext>
              </a:extLst>
            </p:cNvPr>
            <p:cNvSpPr/>
            <p:nvPr/>
          </p:nvSpPr>
          <p:spPr>
            <a:xfrm>
              <a:off x="8019073" y="1501218"/>
              <a:ext cx="2930400" cy="2754079"/>
            </a:xfrm>
            <a:custGeom>
              <a:avLst/>
              <a:gdLst>
                <a:gd name="connsiteX0" fmla="*/ 1465200 w 2930400"/>
                <a:gd name="connsiteY0" fmla="*/ 0 h 2754079"/>
                <a:gd name="connsiteX1" fmla="*/ 2930400 w 2930400"/>
                <a:gd name="connsiteY1" fmla="*/ 1465200 h 2754079"/>
                <a:gd name="connsiteX2" fmla="*/ 2924567 w 2930400"/>
                <a:gd name="connsiteY2" fmla="*/ 1580719 h 2754079"/>
                <a:gd name="connsiteX3" fmla="*/ 2662531 w 2930400"/>
                <a:gd name="connsiteY3" fmla="*/ 1593950 h 2754079"/>
                <a:gd name="connsiteX4" fmla="*/ 791307 w 2930400"/>
                <a:gd name="connsiteY4" fmla="*/ 2715513 h 2754079"/>
                <a:gd name="connsiteX5" fmla="*/ 767878 w 2930400"/>
                <a:gd name="connsiteY5" fmla="*/ 2754079 h 2754079"/>
                <a:gd name="connsiteX6" fmla="*/ 766799 w 2930400"/>
                <a:gd name="connsiteY6" fmla="*/ 2753559 h 2754079"/>
                <a:gd name="connsiteX7" fmla="*/ 0 w 2930400"/>
                <a:gd name="connsiteY7" fmla="*/ 1465200 h 2754079"/>
                <a:gd name="connsiteX8" fmla="*/ 1465200 w 2930400"/>
                <a:gd name="connsiteY8" fmla="*/ 0 h 27540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930400" h="2754079">
                  <a:moveTo>
                    <a:pt x="1465200" y="0"/>
                  </a:moveTo>
                  <a:cubicBezTo>
                    <a:pt x="2274408" y="0"/>
                    <a:pt x="2930400" y="655992"/>
                    <a:pt x="2930400" y="1465200"/>
                  </a:cubicBezTo>
                  <a:lnTo>
                    <a:pt x="2924567" y="1580719"/>
                  </a:lnTo>
                  <a:lnTo>
                    <a:pt x="2662531" y="1593950"/>
                  </a:lnTo>
                  <a:cubicBezTo>
                    <a:pt x="1883758" y="1673039"/>
                    <a:pt x="1207617" y="2099294"/>
                    <a:pt x="791307" y="2715513"/>
                  </a:cubicBezTo>
                  <a:lnTo>
                    <a:pt x="767878" y="2754079"/>
                  </a:lnTo>
                  <a:lnTo>
                    <a:pt x="766799" y="2753559"/>
                  </a:lnTo>
                  <a:cubicBezTo>
                    <a:pt x="310059" y="2505443"/>
                    <a:pt x="0" y="2021531"/>
                    <a:pt x="0" y="1465200"/>
                  </a:cubicBezTo>
                  <a:cubicBezTo>
                    <a:pt x="0" y="655992"/>
                    <a:pt x="655992" y="0"/>
                    <a:pt x="1465200" y="0"/>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6" name="Kombinationstegning: figur 95">
              <a:extLst>
                <a:ext uri="{FF2B5EF4-FFF2-40B4-BE49-F238E27FC236}">
                  <a16:creationId xmlns:a16="http://schemas.microsoft.com/office/drawing/2014/main" id="{C84C0497-0FC4-444D-97F6-6167BD6848C5}"/>
                </a:ext>
              </a:extLst>
            </p:cNvPr>
            <p:cNvSpPr>
              <a:spLocks noChangeAspect="1"/>
            </p:cNvSpPr>
            <p:nvPr/>
          </p:nvSpPr>
          <p:spPr>
            <a:xfrm>
              <a:off x="8370783" y="3081879"/>
              <a:ext cx="3821218" cy="3776121"/>
            </a:xfrm>
            <a:custGeom>
              <a:avLst/>
              <a:gdLst>
                <a:gd name="connsiteX0" fmla="*/ 2573999 w 3821218"/>
                <a:gd name="connsiteY0" fmla="*/ 0 h 3791825"/>
                <a:gd name="connsiteX1" fmla="*/ 3800920 w 3821218"/>
                <a:gd name="connsiteY1" fmla="*/ 310668 h 3791825"/>
                <a:gd name="connsiteX2" fmla="*/ 3821218 w 3821218"/>
                <a:gd name="connsiteY2" fmla="*/ 322999 h 3791825"/>
                <a:gd name="connsiteX3" fmla="*/ 3821218 w 3821218"/>
                <a:gd name="connsiteY3" fmla="*/ 3791825 h 3791825"/>
                <a:gd name="connsiteX4" fmla="*/ 306285 w 3821218"/>
                <a:gd name="connsiteY4" fmla="*/ 3791825 h 3791825"/>
                <a:gd name="connsiteX5" fmla="*/ 202277 w 3821218"/>
                <a:gd name="connsiteY5" fmla="*/ 3575917 h 3791825"/>
                <a:gd name="connsiteX6" fmla="*/ 0 w 3821218"/>
                <a:gd name="connsiteY6" fmla="*/ 2574000 h 3791825"/>
                <a:gd name="connsiteX7" fmla="*/ 310667 w 3821218"/>
                <a:gd name="connsiteY7" fmla="*/ 1347079 h 3791825"/>
                <a:gd name="connsiteX8" fmla="*/ 416169 w 3821218"/>
                <a:gd name="connsiteY8" fmla="*/ 1173418 h 3791825"/>
                <a:gd name="connsiteX9" fmla="*/ 543169 w 3821218"/>
                <a:gd name="connsiteY9" fmla="*/ 1234597 h 3791825"/>
                <a:gd name="connsiteX10" fmla="*/ 1113491 w 3821218"/>
                <a:gd name="connsiteY10" fmla="*/ 1349739 h 3791825"/>
                <a:gd name="connsiteX11" fmla="*/ 2571126 w 3821218"/>
                <a:gd name="connsiteY11" fmla="*/ 34347 h 3791825"/>
                <a:gd name="connsiteX12" fmla="*/ 2572858 w 3821218"/>
                <a:gd name="connsiteY12" fmla="*/ 58 h 37918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821218" h="3791825">
                  <a:moveTo>
                    <a:pt x="2573999" y="0"/>
                  </a:moveTo>
                  <a:cubicBezTo>
                    <a:pt x="3018243" y="0"/>
                    <a:pt x="3436202" y="112541"/>
                    <a:pt x="3800920" y="310668"/>
                  </a:cubicBezTo>
                  <a:lnTo>
                    <a:pt x="3821218" y="322999"/>
                  </a:lnTo>
                  <a:lnTo>
                    <a:pt x="3821218" y="3791825"/>
                  </a:lnTo>
                  <a:lnTo>
                    <a:pt x="306285" y="3791825"/>
                  </a:lnTo>
                  <a:lnTo>
                    <a:pt x="202277" y="3575917"/>
                  </a:lnTo>
                  <a:cubicBezTo>
                    <a:pt x="72025" y="3267968"/>
                    <a:pt x="0" y="2929396"/>
                    <a:pt x="0" y="2574000"/>
                  </a:cubicBezTo>
                  <a:cubicBezTo>
                    <a:pt x="0" y="2129756"/>
                    <a:pt x="112540" y="1711798"/>
                    <a:pt x="310667" y="1347079"/>
                  </a:cubicBezTo>
                  <a:lnTo>
                    <a:pt x="416169" y="1173418"/>
                  </a:lnTo>
                  <a:lnTo>
                    <a:pt x="543169" y="1234597"/>
                  </a:lnTo>
                  <a:cubicBezTo>
                    <a:pt x="718463" y="1308740"/>
                    <a:pt x="911189" y="1349739"/>
                    <a:pt x="1113491" y="1349739"/>
                  </a:cubicBezTo>
                  <a:cubicBezTo>
                    <a:pt x="1872124" y="1349739"/>
                    <a:pt x="2496094" y="773184"/>
                    <a:pt x="2571126" y="34347"/>
                  </a:cubicBezTo>
                  <a:lnTo>
                    <a:pt x="2572858" y="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3" name="Kombinationstegning: figur 92">
              <a:extLst>
                <a:ext uri="{FF2B5EF4-FFF2-40B4-BE49-F238E27FC236}">
                  <a16:creationId xmlns:a16="http://schemas.microsoft.com/office/drawing/2014/main" id="{B3EC48F5-BB82-4BA4-9A57-AC82B2BB7BEA}"/>
                </a:ext>
              </a:extLst>
            </p:cNvPr>
            <p:cNvSpPr/>
            <p:nvPr/>
          </p:nvSpPr>
          <p:spPr>
            <a:xfrm>
              <a:off x="5743202" y="4610930"/>
              <a:ext cx="2842956" cy="2247070"/>
            </a:xfrm>
            <a:custGeom>
              <a:avLst/>
              <a:gdLst>
                <a:gd name="connsiteX0" fmla="*/ 2556865 w 2842956"/>
                <a:gd name="connsiteY0" fmla="*/ 0 h 2247070"/>
                <a:gd name="connsiteX1" fmla="*/ 2788149 w 2842956"/>
                <a:gd name="connsiteY1" fmla="*/ 10223 h 2247070"/>
                <a:gd name="connsiteX2" fmla="*/ 2842956 w 2842956"/>
                <a:gd name="connsiteY2" fmla="*/ 17533 h 2247070"/>
                <a:gd name="connsiteX3" fmla="*/ 2803581 w 2842956"/>
                <a:gd name="connsiteY3" fmla="*/ 101901 h 2247070"/>
                <a:gd name="connsiteX4" fmla="*/ 2645720 w 2842956"/>
                <a:gd name="connsiteY4" fmla="*/ 717888 h 2247070"/>
                <a:gd name="connsiteX5" fmla="*/ 2642574 w 2842956"/>
                <a:gd name="connsiteY5" fmla="*/ 767774 h 2247070"/>
                <a:gd name="connsiteX6" fmla="*/ 2556865 w 2842956"/>
                <a:gd name="connsiteY6" fmla="*/ 763986 h 2247070"/>
                <a:gd name="connsiteX7" fmla="*/ 776904 w 2842956"/>
                <a:gd name="connsiteY7" fmla="*/ 2214697 h 2247070"/>
                <a:gd name="connsiteX8" fmla="*/ 771963 w 2842956"/>
                <a:gd name="connsiteY8" fmla="*/ 2247070 h 2247070"/>
                <a:gd name="connsiteX9" fmla="*/ 0 w 2842956"/>
                <a:gd name="connsiteY9" fmla="*/ 2247070 h 2247070"/>
                <a:gd name="connsiteX10" fmla="*/ 28439 w 2842956"/>
                <a:gd name="connsiteY10" fmla="*/ 2060727 h 2247070"/>
                <a:gd name="connsiteX11" fmla="*/ 2556865 w 2842956"/>
                <a:gd name="connsiteY11" fmla="*/ 0 h 2247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842956" h="2247070">
                  <a:moveTo>
                    <a:pt x="2556865" y="0"/>
                  </a:moveTo>
                  <a:cubicBezTo>
                    <a:pt x="2634815" y="0"/>
                    <a:pt x="2711958" y="3456"/>
                    <a:pt x="2788149" y="10223"/>
                  </a:cubicBezTo>
                  <a:lnTo>
                    <a:pt x="2842956" y="17533"/>
                  </a:lnTo>
                  <a:lnTo>
                    <a:pt x="2803581" y="101901"/>
                  </a:lnTo>
                  <a:cubicBezTo>
                    <a:pt x="2726756" y="296728"/>
                    <a:pt x="2673013" y="503180"/>
                    <a:pt x="2645720" y="717888"/>
                  </a:cubicBezTo>
                  <a:lnTo>
                    <a:pt x="2642574" y="767774"/>
                  </a:lnTo>
                  <a:lnTo>
                    <a:pt x="2556865" y="763986"/>
                  </a:lnTo>
                  <a:cubicBezTo>
                    <a:pt x="1678862" y="763986"/>
                    <a:pt x="946321" y="1386778"/>
                    <a:pt x="776904" y="2214697"/>
                  </a:cubicBezTo>
                  <a:lnTo>
                    <a:pt x="771963" y="2247070"/>
                  </a:lnTo>
                  <a:lnTo>
                    <a:pt x="0" y="2247070"/>
                  </a:lnTo>
                  <a:lnTo>
                    <a:pt x="28439" y="2060727"/>
                  </a:lnTo>
                  <a:cubicBezTo>
                    <a:pt x="269095" y="884672"/>
                    <a:pt x="1309667" y="0"/>
                    <a:pt x="2556865"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
          <p:nvSpPr>
            <p:cNvPr id="94" name="Kombinationstegning: figur 93">
              <a:extLst>
                <a:ext uri="{FF2B5EF4-FFF2-40B4-BE49-F238E27FC236}">
                  <a16:creationId xmlns:a16="http://schemas.microsoft.com/office/drawing/2014/main" id="{350970DB-1859-43B0-8B33-5F0459C02196}"/>
                </a:ext>
              </a:extLst>
            </p:cNvPr>
            <p:cNvSpPr>
              <a:spLocks noChangeAspect="1"/>
            </p:cNvSpPr>
            <p:nvPr/>
          </p:nvSpPr>
          <p:spPr>
            <a:xfrm>
              <a:off x="8383200" y="4628463"/>
              <a:ext cx="2471156" cy="2229537"/>
            </a:xfrm>
            <a:custGeom>
              <a:avLst/>
              <a:gdLst>
                <a:gd name="connsiteX0" fmla="*/ 200382 w 2471156"/>
                <a:gd name="connsiteY0" fmla="*/ 0 h 2229537"/>
                <a:gd name="connsiteX1" fmla="*/ 371146 w 2471156"/>
                <a:gd name="connsiteY1" fmla="*/ 22778 h 2229537"/>
                <a:gd name="connsiteX2" fmla="*/ 2442717 w 2471156"/>
                <a:gd name="connsiteY2" fmla="*/ 2043194 h 2229537"/>
                <a:gd name="connsiteX3" fmla="*/ 2471156 w 2471156"/>
                <a:gd name="connsiteY3" fmla="*/ 2229537 h 2229537"/>
                <a:gd name="connsiteX4" fmla="*/ 1699193 w 2471156"/>
                <a:gd name="connsiteY4" fmla="*/ 2229537 h 2229537"/>
                <a:gd name="connsiteX5" fmla="*/ 1694252 w 2471156"/>
                <a:gd name="connsiteY5" fmla="*/ 2197164 h 2229537"/>
                <a:gd name="connsiteX6" fmla="*/ 77110 w 2471156"/>
                <a:gd name="connsiteY6" fmla="*/ 753650 h 2229537"/>
                <a:gd name="connsiteX7" fmla="*/ 0 w 2471156"/>
                <a:gd name="connsiteY7" fmla="*/ 750241 h 2229537"/>
                <a:gd name="connsiteX8" fmla="*/ 3146 w 2471156"/>
                <a:gd name="connsiteY8" fmla="*/ 700355 h 2229537"/>
                <a:gd name="connsiteX9" fmla="*/ 161007 w 2471156"/>
                <a:gd name="connsiteY9" fmla="*/ 84368 h 22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71156" h="2229537">
                  <a:moveTo>
                    <a:pt x="200382" y="0"/>
                  </a:moveTo>
                  <a:lnTo>
                    <a:pt x="371146" y="22778"/>
                  </a:lnTo>
                  <a:cubicBezTo>
                    <a:pt x="1409134" y="208188"/>
                    <a:pt x="2232144" y="1014146"/>
                    <a:pt x="2442717" y="2043194"/>
                  </a:cubicBezTo>
                  <a:lnTo>
                    <a:pt x="2471156" y="2229537"/>
                  </a:lnTo>
                  <a:lnTo>
                    <a:pt x="1699193" y="2229537"/>
                  </a:lnTo>
                  <a:lnTo>
                    <a:pt x="1694252" y="2197164"/>
                  </a:lnTo>
                  <a:cubicBezTo>
                    <a:pt x="1535424" y="1420990"/>
                    <a:pt x="881662" y="825104"/>
                    <a:pt x="77110" y="753650"/>
                  </a:cubicBezTo>
                  <a:lnTo>
                    <a:pt x="0" y="750241"/>
                  </a:lnTo>
                  <a:lnTo>
                    <a:pt x="3146" y="700355"/>
                  </a:lnTo>
                  <a:cubicBezTo>
                    <a:pt x="30439" y="485647"/>
                    <a:pt x="84182" y="279195"/>
                    <a:pt x="161007" y="84368"/>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98" name="Kombinationstegning: figur 97">
              <a:extLst>
                <a:ext uri="{FF2B5EF4-FFF2-40B4-BE49-F238E27FC236}">
                  <a16:creationId xmlns:a16="http://schemas.microsoft.com/office/drawing/2014/main" id="{91A512D2-04C6-4530-8236-3EF075F8A962}"/>
                </a:ext>
              </a:extLst>
            </p:cNvPr>
            <p:cNvSpPr/>
            <p:nvPr/>
          </p:nvSpPr>
          <p:spPr>
            <a:xfrm>
              <a:off x="6325609" y="4146411"/>
              <a:ext cx="1182864" cy="1183004"/>
            </a:xfrm>
            <a:custGeom>
              <a:avLst/>
              <a:gdLst>
                <a:gd name="connsiteX0" fmla="*/ 567550 w 1182865"/>
                <a:gd name="connsiteY0" fmla="*/ 22225 h 1183004"/>
                <a:gd name="connsiteX1" fmla="*/ 589648 w 1182865"/>
                <a:gd name="connsiteY1" fmla="*/ 0 h 1183004"/>
                <a:gd name="connsiteX2" fmla="*/ 611746 w 1182865"/>
                <a:gd name="connsiteY2" fmla="*/ 22098 h 1183004"/>
                <a:gd name="connsiteX3" fmla="*/ 589775 w 1182865"/>
                <a:gd name="connsiteY3" fmla="*/ 44196 h 1183004"/>
                <a:gd name="connsiteX4" fmla="*/ 589648 w 1182865"/>
                <a:gd name="connsiteY4" fmla="*/ 44196 h 1183004"/>
                <a:gd name="connsiteX5" fmla="*/ 567550 w 1182865"/>
                <a:gd name="connsiteY5" fmla="*/ 22225 h 1183004"/>
                <a:gd name="connsiteX6" fmla="*/ 696455 w 1182865"/>
                <a:gd name="connsiteY6" fmla="*/ 54356 h 1183004"/>
                <a:gd name="connsiteX7" fmla="*/ 679056 w 1182865"/>
                <a:gd name="connsiteY7" fmla="*/ 28448 h 1183004"/>
                <a:gd name="connsiteX8" fmla="*/ 704964 w 1182865"/>
                <a:gd name="connsiteY8" fmla="*/ 10922 h 1183004"/>
                <a:gd name="connsiteX9" fmla="*/ 722363 w 1182865"/>
                <a:gd name="connsiteY9" fmla="*/ 36830 h 1183004"/>
                <a:gd name="connsiteX10" fmla="*/ 700773 w 1182865"/>
                <a:gd name="connsiteY10" fmla="*/ 54737 h 1183004"/>
                <a:gd name="connsiteX11" fmla="*/ 696455 w 1182865"/>
                <a:gd name="connsiteY11" fmla="*/ 54356 h 1183004"/>
                <a:gd name="connsiteX12" fmla="*/ 457073 w 1182865"/>
                <a:gd name="connsiteY12" fmla="*/ 37719 h 1183004"/>
                <a:gd name="connsiteX13" fmla="*/ 474332 w 1182865"/>
                <a:gd name="connsiteY13" fmla="*/ 11684 h 1183004"/>
                <a:gd name="connsiteX14" fmla="*/ 500367 w 1182865"/>
                <a:gd name="connsiteY14" fmla="*/ 28956 h 1183004"/>
                <a:gd name="connsiteX15" fmla="*/ 482981 w 1182865"/>
                <a:gd name="connsiteY15" fmla="*/ 54991 h 1183004"/>
                <a:gd name="connsiteX16" fmla="*/ 478650 w 1182865"/>
                <a:gd name="connsiteY16" fmla="*/ 55372 h 1183004"/>
                <a:gd name="connsiteX17" fmla="*/ 457073 w 1182865"/>
                <a:gd name="connsiteY17" fmla="*/ 37719 h 1183004"/>
                <a:gd name="connsiteX18" fmla="*/ 799198 w 1182865"/>
                <a:gd name="connsiteY18" fmla="*/ 84963 h 1183004"/>
                <a:gd name="connsiteX19" fmla="*/ 787133 w 1182865"/>
                <a:gd name="connsiteY19" fmla="*/ 56134 h 1183004"/>
                <a:gd name="connsiteX20" fmla="*/ 815975 w 1182865"/>
                <a:gd name="connsiteY20" fmla="*/ 44196 h 1183004"/>
                <a:gd name="connsiteX21" fmla="*/ 828040 w 1182865"/>
                <a:gd name="connsiteY21" fmla="*/ 73025 h 1183004"/>
                <a:gd name="connsiteX22" fmla="*/ 807580 w 1182865"/>
                <a:gd name="connsiteY22" fmla="*/ 86741 h 1183004"/>
                <a:gd name="connsiteX23" fmla="*/ 799198 w 1182865"/>
                <a:gd name="connsiteY23" fmla="*/ 84963 h 1183004"/>
                <a:gd name="connsiteX24" fmla="*/ 351650 w 1182865"/>
                <a:gd name="connsiteY24" fmla="*/ 74549 h 1183004"/>
                <a:gd name="connsiteX25" fmla="*/ 363474 w 1182865"/>
                <a:gd name="connsiteY25" fmla="*/ 45593 h 1183004"/>
                <a:gd name="connsiteX26" fmla="*/ 392417 w 1182865"/>
                <a:gd name="connsiteY26" fmla="*/ 57404 h 1183004"/>
                <a:gd name="connsiteX27" fmla="*/ 380492 w 1182865"/>
                <a:gd name="connsiteY27" fmla="*/ 86360 h 1183004"/>
                <a:gd name="connsiteX28" fmla="*/ 371983 w 1182865"/>
                <a:gd name="connsiteY28" fmla="*/ 88011 h 1183004"/>
                <a:gd name="connsiteX29" fmla="*/ 351650 w 1182865"/>
                <a:gd name="connsiteY29" fmla="*/ 74549 h 1183004"/>
                <a:gd name="connsiteX30" fmla="*/ 893940 w 1182865"/>
                <a:gd name="connsiteY30" fmla="*/ 135255 h 1183004"/>
                <a:gd name="connsiteX31" fmla="*/ 887717 w 1182865"/>
                <a:gd name="connsiteY31" fmla="*/ 104648 h 1183004"/>
                <a:gd name="connsiteX32" fmla="*/ 918324 w 1182865"/>
                <a:gd name="connsiteY32" fmla="*/ 98552 h 1183004"/>
                <a:gd name="connsiteX33" fmla="*/ 924547 w 1182865"/>
                <a:gd name="connsiteY33" fmla="*/ 129159 h 1183004"/>
                <a:gd name="connsiteX34" fmla="*/ 906132 w 1182865"/>
                <a:gd name="connsiteY34" fmla="*/ 139065 h 1183004"/>
                <a:gd name="connsiteX35" fmla="*/ 893940 w 1182865"/>
                <a:gd name="connsiteY35" fmla="*/ 135255 h 1183004"/>
                <a:gd name="connsiteX36" fmla="*/ 255524 w 1182865"/>
                <a:gd name="connsiteY36" fmla="*/ 131318 h 1183004"/>
                <a:gd name="connsiteX37" fmla="*/ 261480 w 1182865"/>
                <a:gd name="connsiteY37" fmla="*/ 100584 h 1183004"/>
                <a:gd name="connsiteX38" fmla="*/ 292214 w 1182865"/>
                <a:gd name="connsiteY38" fmla="*/ 106553 h 1183004"/>
                <a:gd name="connsiteX39" fmla="*/ 286131 w 1182865"/>
                <a:gd name="connsiteY39" fmla="*/ 137287 h 1183004"/>
                <a:gd name="connsiteX40" fmla="*/ 273799 w 1182865"/>
                <a:gd name="connsiteY40" fmla="*/ 140970 h 1183004"/>
                <a:gd name="connsiteX41" fmla="*/ 255524 w 1182865"/>
                <a:gd name="connsiteY41" fmla="*/ 131318 h 1183004"/>
                <a:gd name="connsiteX42" fmla="*/ 976998 w 1182865"/>
                <a:gd name="connsiteY42" fmla="*/ 203073 h 1183004"/>
                <a:gd name="connsiteX43" fmla="*/ 976998 w 1182865"/>
                <a:gd name="connsiteY43" fmla="*/ 203073 h 1183004"/>
                <a:gd name="connsiteX44" fmla="*/ 976871 w 1182865"/>
                <a:gd name="connsiteY44" fmla="*/ 171831 h 1183004"/>
                <a:gd name="connsiteX45" fmla="*/ 1008113 w 1182865"/>
                <a:gd name="connsiteY45" fmla="*/ 171704 h 1183004"/>
                <a:gd name="connsiteX46" fmla="*/ 1008240 w 1182865"/>
                <a:gd name="connsiteY46" fmla="*/ 202946 h 1183004"/>
                <a:gd name="connsiteX47" fmla="*/ 992632 w 1182865"/>
                <a:gd name="connsiteY47" fmla="*/ 209550 h 1183004"/>
                <a:gd name="connsiteX48" fmla="*/ 976998 w 1182865"/>
                <a:gd name="connsiteY48" fmla="*/ 203073 h 1183004"/>
                <a:gd name="connsiteX49" fmla="*/ 172199 w 1182865"/>
                <a:gd name="connsiteY49" fmla="*/ 205613 h 1183004"/>
                <a:gd name="connsiteX50" fmla="*/ 172199 w 1182865"/>
                <a:gd name="connsiteY50" fmla="*/ 174371 h 1183004"/>
                <a:gd name="connsiteX51" fmla="*/ 203441 w 1182865"/>
                <a:gd name="connsiteY51" fmla="*/ 174244 h 1183004"/>
                <a:gd name="connsiteX52" fmla="*/ 203441 w 1182865"/>
                <a:gd name="connsiteY52" fmla="*/ 205486 h 1183004"/>
                <a:gd name="connsiteX53" fmla="*/ 187833 w 1182865"/>
                <a:gd name="connsiteY53" fmla="*/ 212090 h 1183004"/>
                <a:gd name="connsiteX54" fmla="*/ 172199 w 1182865"/>
                <a:gd name="connsiteY54" fmla="*/ 205613 h 1183004"/>
                <a:gd name="connsiteX55" fmla="*/ 1045464 w 1182865"/>
                <a:gd name="connsiteY55" fmla="*/ 285750 h 1183004"/>
                <a:gd name="connsiteX56" fmla="*/ 1051306 w 1182865"/>
                <a:gd name="connsiteY56" fmla="*/ 255016 h 1183004"/>
                <a:gd name="connsiteX57" fmla="*/ 1082040 w 1182865"/>
                <a:gd name="connsiteY57" fmla="*/ 260985 h 1183004"/>
                <a:gd name="connsiteX58" fmla="*/ 1076058 w 1182865"/>
                <a:gd name="connsiteY58" fmla="*/ 291719 h 1183004"/>
                <a:gd name="connsiteX59" fmla="*/ 1063739 w 1182865"/>
                <a:gd name="connsiteY59" fmla="*/ 295402 h 1183004"/>
                <a:gd name="connsiteX60" fmla="*/ 1045464 w 1182865"/>
                <a:gd name="connsiteY60" fmla="*/ 285750 h 1183004"/>
                <a:gd name="connsiteX61" fmla="*/ 104889 w 1182865"/>
                <a:gd name="connsiteY61" fmla="*/ 294767 h 1183004"/>
                <a:gd name="connsiteX62" fmla="*/ 98806 w 1182865"/>
                <a:gd name="connsiteY62" fmla="*/ 264160 h 1183004"/>
                <a:gd name="connsiteX63" fmla="*/ 129400 w 1182865"/>
                <a:gd name="connsiteY63" fmla="*/ 257937 h 1183004"/>
                <a:gd name="connsiteX64" fmla="*/ 135623 w 1182865"/>
                <a:gd name="connsiteY64" fmla="*/ 288544 h 1183004"/>
                <a:gd name="connsiteX65" fmla="*/ 117208 w 1182865"/>
                <a:gd name="connsiteY65" fmla="*/ 298450 h 1183004"/>
                <a:gd name="connsiteX66" fmla="*/ 104889 w 1182865"/>
                <a:gd name="connsiteY66" fmla="*/ 294767 h 1183004"/>
                <a:gd name="connsiteX67" fmla="*/ 1096391 w 1182865"/>
                <a:gd name="connsiteY67" fmla="*/ 380111 h 1183004"/>
                <a:gd name="connsiteX68" fmla="*/ 1108189 w 1182865"/>
                <a:gd name="connsiteY68" fmla="*/ 351155 h 1183004"/>
                <a:gd name="connsiteX69" fmla="*/ 1137158 w 1182865"/>
                <a:gd name="connsiteY69" fmla="*/ 362966 h 1183004"/>
                <a:gd name="connsiteX70" fmla="*/ 1125347 w 1182865"/>
                <a:gd name="connsiteY70" fmla="*/ 391922 h 1183004"/>
                <a:gd name="connsiteX71" fmla="*/ 1116825 w 1182865"/>
                <a:gd name="connsiteY71" fmla="*/ 393573 h 1183004"/>
                <a:gd name="connsiteX72" fmla="*/ 1096391 w 1182865"/>
                <a:gd name="connsiteY72" fmla="*/ 380111 h 1183004"/>
                <a:gd name="connsiteX73" fmla="*/ 56375 w 1182865"/>
                <a:gd name="connsiteY73" fmla="*/ 395224 h 1183004"/>
                <a:gd name="connsiteX74" fmla="*/ 44323 w 1182865"/>
                <a:gd name="connsiteY74" fmla="*/ 366395 h 1183004"/>
                <a:gd name="connsiteX75" fmla="*/ 73139 w 1182865"/>
                <a:gd name="connsiteY75" fmla="*/ 354457 h 1183004"/>
                <a:gd name="connsiteX76" fmla="*/ 85217 w 1182865"/>
                <a:gd name="connsiteY76" fmla="*/ 383286 h 1183004"/>
                <a:gd name="connsiteX77" fmla="*/ 64757 w 1182865"/>
                <a:gd name="connsiteY77" fmla="*/ 396875 h 1183004"/>
                <a:gd name="connsiteX78" fmla="*/ 56375 w 1182865"/>
                <a:gd name="connsiteY78" fmla="*/ 395224 h 1183004"/>
                <a:gd name="connsiteX79" fmla="*/ 1127874 w 1182865"/>
                <a:gd name="connsiteY79" fmla="*/ 482473 h 1183004"/>
                <a:gd name="connsiteX80" fmla="*/ 1145146 w 1182865"/>
                <a:gd name="connsiteY80" fmla="*/ 456438 h 1183004"/>
                <a:gd name="connsiteX81" fmla="*/ 1171181 w 1182865"/>
                <a:gd name="connsiteY81" fmla="*/ 473710 h 1183004"/>
                <a:gd name="connsiteX82" fmla="*/ 1153922 w 1182865"/>
                <a:gd name="connsiteY82" fmla="*/ 499745 h 1183004"/>
                <a:gd name="connsiteX83" fmla="*/ 1149464 w 1182865"/>
                <a:gd name="connsiteY83" fmla="*/ 500253 h 1183004"/>
                <a:gd name="connsiteX84" fmla="*/ 1127874 w 1182865"/>
                <a:gd name="connsiteY84" fmla="*/ 482473 h 1183004"/>
                <a:gd name="connsiteX85" fmla="*/ 28448 w 1182865"/>
                <a:gd name="connsiteY85" fmla="*/ 503301 h 1183004"/>
                <a:gd name="connsiteX86" fmla="*/ 11049 w 1182865"/>
                <a:gd name="connsiteY86" fmla="*/ 477393 h 1183004"/>
                <a:gd name="connsiteX87" fmla="*/ 36957 w 1182865"/>
                <a:gd name="connsiteY87" fmla="*/ 459994 h 1183004"/>
                <a:gd name="connsiteX88" fmla="*/ 54356 w 1182865"/>
                <a:gd name="connsiteY88" fmla="*/ 485902 h 1183004"/>
                <a:gd name="connsiteX89" fmla="*/ 32766 w 1182865"/>
                <a:gd name="connsiteY89" fmla="*/ 503809 h 1183004"/>
                <a:gd name="connsiteX90" fmla="*/ 28448 w 1182865"/>
                <a:gd name="connsiteY90" fmla="*/ 503301 h 1183004"/>
                <a:gd name="connsiteX91" fmla="*/ 1138682 w 1182865"/>
                <a:gd name="connsiteY91" fmla="*/ 591566 h 1183004"/>
                <a:gd name="connsiteX92" fmla="*/ 1138796 w 1182865"/>
                <a:gd name="connsiteY92" fmla="*/ 590296 h 1183004"/>
                <a:gd name="connsiteX93" fmla="*/ 1138682 w 1182865"/>
                <a:gd name="connsiteY93" fmla="*/ 589153 h 1183004"/>
                <a:gd name="connsiteX94" fmla="*/ 1160767 w 1182865"/>
                <a:gd name="connsiteY94" fmla="*/ 567055 h 1183004"/>
                <a:gd name="connsiteX95" fmla="*/ 1182865 w 1182865"/>
                <a:gd name="connsiteY95" fmla="*/ 589026 h 1183004"/>
                <a:gd name="connsiteX96" fmla="*/ 1182865 w 1182865"/>
                <a:gd name="connsiteY96" fmla="*/ 590296 h 1183004"/>
                <a:gd name="connsiteX97" fmla="*/ 1182865 w 1182865"/>
                <a:gd name="connsiteY97" fmla="*/ 591566 h 1183004"/>
                <a:gd name="connsiteX98" fmla="*/ 1160767 w 1182865"/>
                <a:gd name="connsiteY98" fmla="*/ 613664 h 1183004"/>
                <a:gd name="connsiteX99" fmla="*/ 1138682 w 1182865"/>
                <a:gd name="connsiteY99" fmla="*/ 591566 h 1183004"/>
                <a:gd name="connsiteX100" fmla="*/ 0 w 1182865"/>
                <a:gd name="connsiteY100" fmla="*/ 592709 h 1183004"/>
                <a:gd name="connsiteX101" fmla="*/ 22098 w 1182865"/>
                <a:gd name="connsiteY101" fmla="*/ 570611 h 1183004"/>
                <a:gd name="connsiteX102" fmla="*/ 44183 w 1182865"/>
                <a:gd name="connsiteY102" fmla="*/ 592709 h 1183004"/>
                <a:gd name="connsiteX103" fmla="*/ 22225 w 1182865"/>
                <a:gd name="connsiteY103" fmla="*/ 614807 h 1183004"/>
                <a:gd name="connsiteX104" fmla="*/ 0 w 1182865"/>
                <a:gd name="connsiteY104" fmla="*/ 592709 h 1183004"/>
                <a:gd name="connsiteX105" fmla="*/ 1145781 w 1182865"/>
                <a:gd name="connsiteY105" fmla="*/ 724154 h 1183004"/>
                <a:gd name="connsiteX106" fmla="*/ 1128255 w 1182865"/>
                <a:gd name="connsiteY106" fmla="*/ 698246 h 1183004"/>
                <a:gd name="connsiteX107" fmla="*/ 1154290 w 1182865"/>
                <a:gd name="connsiteY107" fmla="*/ 680847 h 1183004"/>
                <a:gd name="connsiteX108" fmla="*/ 1171689 w 1182865"/>
                <a:gd name="connsiteY108" fmla="*/ 706755 h 1183004"/>
                <a:gd name="connsiteX109" fmla="*/ 1149972 w 1182865"/>
                <a:gd name="connsiteY109" fmla="*/ 724662 h 1183004"/>
                <a:gd name="connsiteX110" fmla="*/ 1145781 w 1182865"/>
                <a:gd name="connsiteY110" fmla="*/ 724154 h 1183004"/>
                <a:gd name="connsiteX111" fmla="*/ 11557 w 1182865"/>
                <a:gd name="connsiteY111" fmla="*/ 708025 h 1183004"/>
                <a:gd name="connsiteX112" fmla="*/ 28816 w 1182865"/>
                <a:gd name="connsiteY112" fmla="*/ 681990 h 1183004"/>
                <a:gd name="connsiteX113" fmla="*/ 54864 w 1182865"/>
                <a:gd name="connsiteY113" fmla="*/ 699389 h 1183004"/>
                <a:gd name="connsiteX114" fmla="*/ 37465 w 1182865"/>
                <a:gd name="connsiteY114" fmla="*/ 725297 h 1183004"/>
                <a:gd name="connsiteX115" fmla="*/ 33147 w 1182865"/>
                <a:gd name="connsiteY115" fmla="*/ 725805 h 1183004"/>
                <a:gd name="connsiteX116" fmla="*/ 11557 w 1182865"/>
                <a:gd name="connsiteY116" fmla="*/ 708025 h 1183004"/>
                <a:gd name="connsiteX117" fmla="*/ 1109205 w 1182865"/>
                <a:gd name="connsiteY117" fmla="*/ 829691 h 1183004"/>
                <a:gd name="connsiteX118" fmla="*/ 1097267 w 1182865"/>
                <a:gd name="connsiteY118" fmla="*/ 800862 h 1183004"/>
                <a:gd name="connsiteX119" fmla="*/ 1126096 w 1182865"/>
                <a:gd name="connsiteY119" fmla="*/ 788924 h 1183004"/>
                <a:gd name="connsiteX120" fmla="*/ 1138174 w 1182865"/>
                <a:gd name="connsiteY120" fmla="*/ 817753 h 1183004"/>
                <a:gd name="connsiteX121" fmla="*/ 1138047 w 1182865"/>
                <a:gd name="connsiteY121" fmla="*/ 817753 h 1183004"/>
                <a:gd name="connsiteX122" fmla="*/ 1117714 w 1182865"/>
                <a:gd name="connsiteY122" fmla="*/ 831342 h 1183004"/>
                <a:gd name="connsiteX123" fmla="*/ 1109205 w 1182865"/>
                <a:gd name="connsiteY123" fmla="*/ 829691 h 1183004"/>
                <a:gd name="connsiteX124" fmla="*/ 45339 w 1182865"/>
                <a:gd name="connsiteY124" fmla="*/ 818896 h 1183004"/>
                <a:gd name="connsiteX125" fmla="*/ 57150 w 1182865"/>
                <a:gd name="connsiteY125" fmla="*/ 790067 h 1183004"/>
                <a:gd name="connsiteX126" fmla="*/ 86106 w 1182865"/>
                <a:gd name="connsiteY126" fmla="*/ 801878 h 1183004"/>
                <a:gd name="connsiteX127" fmla="*/ 74155 w 1182865"/>
                <a:gd name="connsiteY127" fmla="*/ 830834 h 1183004"/>
                <a:gd name="connsiteX128" fmla="*/ 65646 w 1182865"/>
                <a:gd name="connsiteY128" fmla="*/ 832485 h 1183004"/>
                <a:gd name="connsiteX129" fmla="*/ 45339 w 1182865"/>
                <a:gd name="connsiteY129" fmla="*/ 818896 h 1183004"/>
                <a:gd name="connsiteX130" fmla="*/ 1052817 w 1182865"/>
                <a:gd name="connsiteY130" fmla="*/ 925957 h 1183004"/>
                <a:gd name="connsiteX131" fmla="*/ 1046721 w 1182865"/>
                <a:gd name="connsiteY131" fmla="*/ 895350 h 1183004"/>
                <a:gd name="connsiteX132" fmla="*/ 1077341 w 1182865"/>
                <a:gd name="connsiteY132" fmla="*/ 889254 h 1183004"/>
                <a:gd name="connsiteX133" fmla="*/ 1083424 w 1182865"/>
                <a:gd name="connsiteY133" fmla="*/ 919988 h 1183004"/>
                <a:gd name="connsiteX134" fmla="*/ 1065022 w 1182865"/>
                <a:gd name="connsiteY134" fmla="*/ 929767 h 1183004"/>
                <a:gd name="connsiteX135" fmla="*/ 1052817 w 1182865"/>
                <a:gd name="connsiteY135" fmla="*/ 925957 h 1183004"/>
                <a:gd name="connsiteX136" fmla="*/ 100190 w 1182865"/>
                <a:gd name="connsiteY136" fmla="*/ 921004 h 1183004"/>
                <a:gd name="connsiteX137" fmla="*/ 106172 w 1182865"/>
                <a:gd name="connsiteY137" fmla="*/ 890270 h 1183004"/>
                <a:gd name="connsiteX138" fmla="*/ 136906 w 1182865"/>
                <a:gd name="connsiteY138" fmla="*/ 896366 h 1183004"/>
                <a:gd name="connsiteX139" fmla="*/ 130797 w 1182865"/>
                <a:gd name="connsiteY139" fmla="*/ 926973 h 1183004"/>
                <a:gd name="connsiteX140" fmla="*/ 118491 w 1182865"/>
                <a:gd name="connsiteY140" fmla="*/ 930783 h 1183004"/>
                <a:gd name="connsiteX141" fmla="*/ 100190 w 1182865"/>
                <a:gd name="connsiteY141" fmla="*/ 921004 h 1183004"/>
                <a:gd name="connsiteX142" fmla="*/ 978649 w 1182865"/>
                <a:gd name="connsiteY142" fmla="*/ 1009523 h 1183004"/>
                <a:gd name="connsiteX143" fmla="*/ 978649 w 1182865"/>
                <a:gd name="connsiteY143" fmla="*/ 978281 h 1183004"/>
                <a:gd name="connsiteX144" fmla="*/ 1009891 w 1182865"/>
                <a:gd name="connsiteY144" fmla="*/ 978281 h 1183004"/>
                <a:gd name="connsiteX145" fmla="*/ 1009891 w 1182865"/>
                <a:gd name="connsiteY145" fmla="*/ 1009523 h 1183004"/>
                <a:gd name="connsiteX146" fmla="*/ 994283 w 1182865"/>
                <a:gd name="connsiteY146" fmla="*/ 1016000 h 1183004"/>
                <a:gd name="connsiteX147" fmla="*/ 978649 w 1182865"/>
                <a:gd name="connsiteY147" fmla="*/ 1009523 h 1183004"/>
                <a:gd name="connsiteX148" fmla="*/ 173850 w 1182865"/>
                <a:gd name="connsiteY148" fmla="*/ 1010412 h 1183004"/>
                <a:gd name="connsiteX149" fmla="*/ 173850 w 1182865"/>
                <a:gd name="connsiteY149" fmla="*/ 979170 h 1183004"/>
                <a:gd name="connsiteX150" fmla="*/ 205092 w 1182865"/>
                <a:gd name="connsiteY150" fmla="*/ 979043 h 1183004"/>
                <a:gd name="connsiteX151" fmla="*/ 205092 w 1182865"/>
                <a:gd name="connsiteY151" fmla="*/ 1010285 h 1183004"/>
                <a:gd name="connsiteX152" fmla="*/ 189471 w 1182865"/>
                <a:gd name="connsiteY152" fmla="*/ 1016762 h 1183004"/>
                <a:gd name="connsiteX153" fmla="*/ 173850 w 1182865"/>
                <a:gd name="connsiteY153" fmla="*/ 1010412 h 1183004"/>
                <a:gd name="connsiteX154" fmla="*/ 889749 w 1182865"/>
                <a:gd name="connsiteY154" fmla="*/ 1077087 h 1183004"/>
                <a:gd name="connsiteX155" fmla="*/ 895858 w 1182865"/>
                <a:gd name="connsiteY155" fmla="*/ 1046353 h 1183004"/>
                <a:gd name="connsiteX156" fmla="*/ 895858 w 1182865"/>
                <a:gd name="connsiteY156" fmla="*/ 1046480 h 1183004"/>
                <a:gd name="connsiteX157" fmla="*/ 926465 w 1182865"/>
                <a:gd name="connsiteY157" fmla="*/ 1052449 h 1183004"/>
                <a:gd name="connsiteX158" fmla="*/ 920356 w 1182865"/>
                <a:gd name="connsiteY158" fmla="*/ 1083056 h 1183004"/>
                <a:gd name="connsiteX159" fmla="*/ 908164 w 1182865"/>
                <a:gd name="connsiteY159" fmla="*/ 1086866 h 1183004"/>
                <a:gd name="connsiteX160" fmla="*/ 889749 w 1182865"/>
                <a:gd name="connsiteY160" fmla="*/ 1077087 h 1183004"/>
                <a:gd name="connsiteX161" fmla="*/ 263525 w 1182865"/>
                <a:gd name="connsiteY161" fmla="*/ 1083818 h 1183004"/>
                <a:gd name="connsiteX162" fmla="*/ 257416 w 1182865"/>
                <a:gd name="connsiteY162" fmla="*/ 1053211 h 1183004"/>
                <a:gd name="connsiteX163" fmla="*/ 288023 w 1182865"/>
                <a:gd name="connsiteY163" fmla="*/ 1046988 h 1183004"/>
                <a:gd name="connsiteX164" fmla="*/ 294132 w 1182865"/>
                <a:gd name="connsiteY164" fmla="*/ 1077722 h 1183004"/>
                <a:gd name="connsiteX165" fmla="*/ 275831 w 1182865"/>
                <a:gd name="connsiteY165" fmla="*/ 1087501 h 1183004"/>
                <a:gd name="connsiteX166" fmla="*/ 263525 w 1182865"/>
                <a:gd name="connsiteY166" fmla="*/ 1083818 h 1183004"/>
                <a:gd name="connsiteX167" fmla="*/ 789432 w 1182865"/>
                <a:gd name="connsiteY167" fmla="*/ 1125982 h 1183004"/>
                <a:gd name="connsiteX168" fmla="*/ 801357 w 1182865"/>
                <a:gd name="connsiteY168" fmla="*/ 1097153 h 1183004"/>
                <a:gd name="connsiteX169" fmla="*/ 830199 w 1182865"/>
                <a:gd name="connsiteY169" fmla="*/ 1108964 h 1183004"/>
                <a:gd name="connsiteX170" fmla="*/ 818248 w 1182865"/>
                <a:gd name="connsiteY170" fmla="*/ 1137920 h 1183004"/>
                <a:gd name="connsiteX171" fmla="*/ 809739 w 1182865"/>
                <a:gd name="connsiteY171" fmla="*/ 1139571 h 1183004"/>
                <a:gd name="connsiteX172" fmla="*/ 789432 w 1182865"/>
                <a:gd name="connsiteY172" fmla="*/ 1125982 h 1183004"/>
                <a:gd name="connsiteX173" fmla="*/ 365747 w 1182865"/>
                <a:gd name="connsiteY173" fmla="*/ 1138428 h 1183004"/>
                <a:gd name="connsiteX174" fmla="*/ 353822 w 1182865"/>
                <a:gd name="connsiteY174" fmla="*/ 1109472 h 1183004"/>
                <a:gd name="connsiteX175" fmla="*/ 382638 w 1182865"/>
                <a:gd name="connsiteY175" fmla="*/ 1097534 h 1183004"/>
                <a:gd name="connsiteX176" fmla="*/ 394589 w 1182865"/>
                <a:gd name="connsiteY176" fmla="*/ 1126363 h 1183004"/>
                <a:gd name="connsiteX177" fmla="*/ 374256 w 1182865"/>
                <a:gd name="connsiteY177" fmla="*/ 1140079 h 1183004"/>
                <a:gd name="connsiteX178" fmla="*/ 365747 w 1182865"/>
                <a:gd name="connsiteY178" fmla="*/ 1138428 h 1183004"/>
                <a:gd name="connsiteX179" fmla="*/ 681342 w 1182865"/>
                <a:gd name="connsiteY179" fmla="*/ 1154303 h 1183004"/>
                <a:gd name="connsiteX180" fmla="*/ 698741 w 1182865"/>
                <a:gd name="connsiteY180" fmla="*/ 1128268 h 1183004"/>
                <a:gd name="connsiteX181" fmla="*/ 724789 w 1182865"/>
                <a:gd name="connsiteY181" fmla="*/ 1145667 h 1183004"/>
                <a:gd name="connsiteX182" fmla="*/ 707390 w 1182865"/>
                <a:gd name="connsiteY182" fmla="*/ 1171575 h 1183004"/>
                <a:gd name="connsiteX183" fmla="*/ 703072 w 1182865"/>
                <a:gd name="connsiteY183" fmla="*/ 1172083 h 1183004"/>
                <a:gd name="connsiteX184" fmla="*/ 681342 w 1182865"/>
                <a:gd name="connsiteY184" fmla="*/ 1154303 h 1183004"/>
                <a:gd name="connsiteX185" fmla="*/ 476758 w 1182865"/>
                <a:gd name="connsiteY185" fmla="*/ 1171829 h 1183004"/>
                <a:gd name="connsiteX186" fmla="*/ 459346 w 1182865"/>
                <a:gd name="connsiteY186" fmla="*/ 1145921 h 1183004"/>
                <a:gd name="connsiteX187" fmla="*/ 485267 w 1182865"/>
                <a:gd name="connsiteY187" fmla="*/ 1128522 h 1183004"/>
                <a:gd name="connsiteX188" fmla="*/ 502666 w 1182865"/>
                <a:gd name="connsiteY188" fmla="*/ 1154430 h 1183004"/>
                <a:gd name="connsiteX189" fmla="*/ 481063 w 1182865"/>
                <a:gd name="connsiteY189" fmla="*/ 1172210 h 1183004"/>
                <a:gd name="connsiteX190" fmla="*/ 476758 w 1182865"/>
                <a:gd name="connsiteY190" fmla="*/ 1171829 h 1183004"/>
                <a:gd name="connsiteX191" fmla="*/ 569963 w 1182865"/>
                <a:gd name="connsiteY191" fmla="*/ 1160907 h 1183004"/>
                <a:gd name="connsiteX192" fmla="*/ 592074 w 1182865"/>
                <a:gd name="connsiteY192" fmla="*/ 1138809 h 1183004"/>
                <a:gd name="connsiteX193" fmla="*/ 614172 w 1182865"/>
                <a:gd name="connsiteY193" fmla="*/ 1160780 h 1183004"/>
                <a:gd name="connsiteX194" fmla="*/ 592074 w 1182865"/>
                <a:gd name="connsiteY194" fmla="*/ 1183005 h 1183004"/>
                <a:gd name="connsiteX195" fmla="*/ 569963 w 1182865"/>
                <a:gd name="connsiteY195" fmla="*/ 1160907 h 1183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Lst>
              <a:rect l="l" t="t" r="r" b="b"/>
              <a:pathLst>
                <a:path w="1182865" h="1183004">
                  <a:moveTo>
                    <a:pt x="567550" y="22225"/>
                  </a:moveTo>
                  <a:cubicBezTo>
                    <a:pt x="567550" y="10033"/>
                    <a:pt x="577456" y="127"/>
                    <a:pt x="589648" y="0"/>
                  </a:cubicBezTo>
                  <a:cubicBezTo>
                    <a:pt x="601840" y="0"/>
                    <a:pt x="611746" y="9906"/>
                    <a:pt x="611746" y="22098"/>
                  </a:cubicBezTo>
                  <a:cubicBezTo>
                    <a:pt x="611746" y="34290"/>
                    <a:pt x="601967" y="44196"/>
                    <a:pt x="589775" y="44196"/>
                  </a:cubicBezTo>
                  <a:lnTo>
                    <a:pt x="589648" y="44196"/>
                  </a:lnTo>
                  <a:cubicBezTo>
                    <a:pt x="577456" y="44196"/>
                    <a:pt x="567550" y="34417"/>
                    <a:pt x="567550" y="22225"/>
                  </a:cubicBezTo>
                  <a:moveTo>
                    <a:pt x="696455" y="54356"/>
                  </a:moveTo>
                  <a:cubicBezTo>
                    <a:pt x="684517" y="51943"/>
                    <a:pt x="676656" y="40386"/>
                    <a:pt x="679056" y="28448"/>
                  </a:cubicBezTo>
                  <a:cubicBezTo>
                    <a:pt x="681342" y="16383"/>
                    <a:pt x="692899" y="8636"/>
                    <a:pt x="704964" y="10922"/>
                  </a:cubicBezTo>
                  <a:cubicBezTo>
                    <a:pt x="716915" y="13208"/>
                    <a:pt x="724789" y="24892"/>
                    <a:pt x="722363" y="36830"/>
                  </a:cubicBezTo>
                  <a:cubicBezTo>
                    <a:pt x="720331" y="47371"/>
                    <a:pt x="711073" y="54737"/>
                    <a:pt x="700773" y="54737"/>
                  </a:cubicBezTo>
                  <a:cubicBezTo>
                    <a:pt x="699389" y="54737"/>
                    <a:pt x="697865" y="54610"/>
                    <a:pt x="696455" y="54356"/>
                  </a:cubicBezTo>
                  <a:moveTo>
                    <a:pt x="457073" y="37719"/>
                  </a:moveTo>
                  <a:cubicBezTo>
                    <a:pt x="454647" y="25654"/>
                    <a:pt x="462407" y="14097"/>
                    <a:pt x="474332" y="11684"/>
                  </a:cubicBezTo>
                  <a:cubicBezTo>
                    <a:pt x="486283" y="9271"/>
                    <a:pt x="497967" y="17018"/>
                    <a:pt x="500367" y="28956"/>
                  </a:cubicBezTo>
                  <a:cubicBezTo>
                    <a:pt x="502780" y="40894"/>
                    <a:pt x="495033" y="52578"/>
                    <a:pt x="482981" y="54991"/>
                  </a:cubicBezTo>
                  <a:cubicBezTo>
                    <a:pt x="481571" y="55245"/>
                    <a:pt x="480047" y="55372"/>
                    <a:pt x="478650" y="55372"/>
                  </a:cubicBezTo>
                  <a:cubicBezTo>
                    <a:pt x="468363" y="55372"/>
                    <a:pt x="459092" y="48133"/>
                    <a:pt x="457073" y="37719"/>
                  </a:cubicBezTo>
                  <a:moveTo>
                    <a:pt x="799198" y="84963"/>
                  </a:moveTo>
                  <a:cubicBezTo>
                    <a:pt x="787908" y="80391"/>
                    <a:pt x="782447" y="67437"/>
                    <a:pt x="787133" y="56134"/>
                  </a:cubicBezTo>
                  <a:cubicBezTo>
                    <a:pt x="791832" y="44958"/>
                    <a:pt x="804672" y="39497"/>
                    <a:pt x="815975" y="44196"/>
                  </a:cubicBezTo>
                  <a:cubicBezTo>
                    <a:pt x="827265" y="48768"/>
                    <a:pt x="832599" y="61722"/>
                    <a:pt x="828040" y="73025"/>
                  </a:cubicBezTo>
                  <a:cubicBezTo>
                    <a:pt x="824471" y="81534"/>
                    <a:pt x="816216" y="86741"/>
                    <a:pt x="807580" y="86741"/>
                  </a:cubicBezTo>
                  <a:cubicBezTo>
                    <a:pt x="804799" y="86741"/>
                    <a:pt x="801865" y="86106"/>
                    <a:pt x="799198" y="84963"/>
                  </a:cubicBezTo>
                  <a:moveTo>
                    <a:pt x="351650" y="74549"/>
                  </a:moveTo>
                  <a:cubicBezTo>
                    <a:pt x="346964" y="63246"/>
                    <a:pt x="352298" y="50292"/>
                    <a:pt x="363474" y="45593"/>
                  </a:cubicBezTo>
                  <a:cubicBezTo>
                    <a:pt x="374764" y="40894"/>
                    <a:pt x="387731" y="46228"/>
                    <a:pt x="392417" y="57404"/>
                  </a:cubicBezTo>
                  <a:cubicBezTo>
                    <a:pt x="397116" y="68707"/>
                    <a:pt x="391782" y="81661"/>
                    <a:pt x="380492" y="86360"/>
                  </a:cubicBezTo>
                  <a:cubicBezTo>
                    <a:pt x="377698" y="87503"/>
                    <a:pt x="374891" y="88011"/>
                    <a:pt x="371983" y="88011"/>
                  </a:cubicBezTo>
                  <a:cubicBezTo>
                    <a:pt x="363347" y="88011"/>
                    <a:pt x="355206" y="82931"/>
                    <a:pt x="351650" y="74549"/>
                  </a:cubicBezTo>
                  <a:moveTo>
                    <a:pt x="893940" y="135255"/>
                  </a:moveTo>
                  <a:cubicBezTo>
                    <a:pt x="883780" y="128524"/>
                    <a:pt x="880999" y="114808"/>
                    <a:pt x="887717" y="104648"/>
                  </a:cubicBezTo>
                  <a:cubicBezTo>
                    <a:pt x="894448" y="94488"/>
                    <a:pt x="908164" y="91694"/>
                    <a:pt x="918324" y="98552"/>
                  </a:cubicBezTo>
                  <a:cubicBezTo>
                    <a:pt x="928497" y="105283"/>
                    <a:pt x="931291" y="118999"/>
                    <a:pt x="924547" y="129159"/>
                  </a:cubicBezTo>
                  <a:cubicBezTo>
                    <a:pt x="920242" y="135509"/>
                    <a:pt x="913257" y="139065"/>
                    <a:pt x="906132" y="139065"/>
                  </a:cubicBezTo>
                  <a:cubicBezTo>
                    <a:pt x="901941" y="139065"/>
                    <a:pt x="897623" y="137795"/>
                    <a:pt x="893940" y="135255"/>
                  </a:cubicBezTo>
                  <a:moveTo>
                    <a:pt x="255524" y="131318"/>
                  </a:moveTo>
                  <a:cubicBezTo>
                    <a:pt x="248666" y="121158"/>
                    <a:pt x="251333" y="107442"/>
                    <a:pt x="261480" y="100584"/>
                  </a:cubicBezTo>
                  <a:cubicBezTo>
                    <a:pt x="271640" y="93726"/>
                    <a:pt x="285356" y="96393"/>
                    <a:pt x="292214" y="106553"/>
                  </a:cubicBezTo>
                  <a:cubicBezTo>
                    <a:pt x="298958" y="116713"/>
                    <a:pt x="296291" y="130429"/>
                    <a:pt x="286131" y="137287"/>
                  </a:cubicBezTo>
                  <a:cubicBezTo>
                    <a:pt x="282308" y="139827"/>
                    <a:pt x="278117" y="140970"/>
                    <a:pt x="273799" y="140970"/>
                  </a:cubicBezTo>
                  <a:cubicBezTo>
                    <a:pt x="266700" y="140970"/>
                    <a:pt x="259715" y="137541"/>
                    <a:pt x="255524" y="131318"/>
                  </a:cubicBezTo>
                  <a:moveTo>
                    <a:pt x="976998" y="203073"/>
                  </a:moveTo>
                  <a:lnTo>
                    <a:pt x="976998" y="203073"/>
                  </a:lnTo>
                  <a:cubicBezTo>
                    <a:pt x="968375" y="194564"/>
                    <a:pt x="968375" y="180467"/>
                    <a:pt x="976871" y="171831"/>
                  </a:cubicBezTo>
                  <a:cubicBezTo>
                    <a:pt x="985507" y="163195"/>
                    <a:pt x="999490" y="163195"/>
                    <a:pt x="1008113" y="171704"/>
                  </a:cubicBezTo>
                  <a:cubicBezTo>
                    <a:pt x="1016749" y="180340"/>
                    <a:pt x="1016889" y="194310"/>
                    <a:pt x="1008240" y="202946"/>
                  </a:cubicBezTo>
                  <a:cubicBezTo>
                    <a:pt x="1003922" y="207391"/>
                    <a:pt x="998207" y="209550"/>
                    <a:pt x="992632" y="209550"/>
                  </a:cubicBezTo>
                  <a:cubicBezTo>
                    <a:pt x="986917" y="209550"/>
                    <a:pt x="981316" y="207391"/>
                    <a:pt x="976998" y="203073"/>
                  </a:cubicBezTo>
                  <a:moveTo>
                    <a:pt x="172199" y="205613"/>
                  </a:moveTo>
                  <a:cubicBezTo>
                    <a:pt x="163563" y="196977"/>
                    <a:pt x="163563" y="183007"/>
                    <a:pt x="172199" y="174371"/>
                  </a:cubicBezTo>
                  <a:cubicBezTo>
                    <a:pt x="180708" y="165735"/>
                    <a:pt x="194691" y="165735"/>
                    <a:pt x="203441" y="174244"/>
                  </a:cubicBezTo>
                  <a:cubicBezTo>
                    <a:pt x="212090" y="182880"/>
                    <a:pt x="212090" y="196850"/>
                    <a:pt x="203441" y="205486"/>
                  </a:cubicBezTo>
                  <a:cubicBezTo>
                    <a:pt x="199123" y="209931"/>
                    <a:pt x="193548" y="212090"/>
                    <a:pt x="187833" y="212090"/>
                  </a:cubicBezTo>
                  <a:cubicBezTo>
                    <a:pt x="182105" y="212090"/>
                    <a:pt x="176517" y="209931"/>
                    <a:pt x="172199" y="205613"/>
                  </a:cubicBezTo>
                  <a:moveTo>
                    <a:pt x="1045464" y="285750"/>
                  </a:moveTo>
                  <a:cubicBezTo>
                    <a:pt x="1038606" y="275590"/>
                    <a:pt x="1041273" y="261874"/>
                    <a:pt x="1051306" y="255016"/>
                  </a:cubicBezTo>
                  <a:cubicBezTo>
                    <a:pt x="1061466" y="248285"/>
                    <a:pt x="1075182" y="250825"/>
                    <a:pt x="1082040" y="260985"/>
                  </a:cubicBezTo>
                  <a:cubicBezTo>
                    <a:pt x="1088898" y="271145"/>
                    <a:pt x="1086231" y="284861"/>
                    <a:pt x="1076058" y="291719"/>
                  </a:cubicBezTo>
                  <a:cubicBezTo>
                    <a:pt x="1072248" y="294259"/>
                    <a:pt x="1067930" y="295402"/>
                    <a:pt x="1063739" y="295402"/>
                  </a:cubicBezTo>
                  <a:cubicBezTo>
                    <a:pt x="1056640" y="295402"/>
                    <a:pt x="1049642" y="292100"/>
                    <a:pt x="1045464" y="285750"/>
                  </a:cubicBezTo>
                  <a:moveTo>
                    <a:pt x="104889" y="294767"/>
                  </a:moveTo>
                  <a:cubicBezTo>
                    <a:pt x="94742" y="288036"/>
                    <a:pt x="92075" y="274193"/>
                    <a:pt x="98806" y="264160"/>
                  </a:cubicBezTo>
                  <a:cubicBezTo>
                    <a:pt x="105524" y="253873"/>
                    <a:pt x="119240" y="251206"/>
                    <a:pt x="129400" y="257937"/>
                  </a:cubicBezTo>
                  <a:cubicBezTo>
                    <a:pt x="139573" y="264668"/>
                    <a:pt x="142367" y="278384"/>
                    <a:pt x="135623" y="288544"/>
                  </a:cubicBezTo>
                  <a:cubicBezTo>
                    <a:pt x="131305" y="295021"/>
                    <a:pt x="124333" y="298450"/>
                    <a:pt x="117208" y="298450"/>
                  </a:cubicBezTo>
                  <a:cubicBezTo>
                    <a:pt x="113017" y="298450"/>
                    <a:pt x="108699" y="297180"/>
                    <a:pt x="104889" y="294767"/>
                  </a:cubicBezTo>
                  <a:moveTo>
                    <a:pt x="1096391" y="380111"/>
                  </a:moveTo>
                  <a:cubicBezTo>
                    <a:pt x="1091692" y="368808"/>
                    <a:pt x="1097013" y="355854"/>
                    <a:pt x="1108189" y="351155"/>
                  </a:cubicBezTo>
                  <a:cubicBezTo>
                    <a:pt x="1119492" y="346456"/>
                    <a:pt x="1132446" y="351663"/>
                    <a:pt x="1137158" y="362966"/>
                  </a:cubicBezTo>
                  <a:cubicBezTo>
                    <a:pt x="1141857" y="374269"/>
                    <a:pt x="1136523" y="387223"/>
                    <a:pt x="1125347" y="391922"/>
                  </a:cubicBezTo>
                  <a:cubicBezTo>
                    <a:pt x="1122540" y="393065"/>
                    <a:pt x="1119632" y="393573"/>
                    <a:pt x="1116825" y="393573"/>
                  </a:cubicBezTo>
                  <a:cubicBezTo>
                    <a:pt x="1108189" y="393573"/>
                    <a:pt x="1099947" y="388493"/>
                    <a:pt x="1096391" y="380111"/>
                  </a:cubicBezTo>
                  <a:moveTo>
                    <a:pt x="56375" y="395224"/>
                  </a:moveTo>
                  <a:cubicBezTo>
                    <a:pt x="45072" y="390652"/>
                    <a:pt x="39738" y="377698"/>
                    <a:pt x="44323" y="366395"/>
                  </a:cubicBezTo>
                  <a:cubicBezTo>
                    <a:pt x="49022" y="355092"/>
                    <a:pt x="61849" y="349758"/>
                    <a:pt x="73139" y="354457"/>
                  </a:cubicBezTo>
                  <a:cubicBezTo>
                    <a:pt x="84442" y="359029"/>
                    <a:pt x="89916" y="371983"/>
                    <a:pt x="85217" y="383286"/>
                  </a:cubicBezTo>
                  <a:cubicBezTo>
                    <a:pt x="81648" y="391795"/>
                    <a:pt x="73406" y="396875"/>
                    <a:pt x="64757" y="396875"/>
                  </a:cubicBezTo>
                  <a:cubicBezTo>
                    <a:pt x="61963" y="396875"/>
                    <a:pt x="59042" y="396367"/>
                    <a:pt x="56375" y="395224"/>
                  </a:cubicBezTo>
                  <a:moveTo>
                    <a:pt x="1127874" y="482473"/>
                  </a:moveTo>
                  <a:cubicBezTo>
                    <a:pt x="1125474" y="470535"/>
                    <a:pt x="1133208" y="458851"/>
                    <a:pt x="1145146" y="456438"/>
                  </a:cubicBezTo>
                  <a:cubicBezTo>
                    <a:pt x="1157097" y="454025"/>
                    <a:pt x="1168781" y="461772"/>
                    <a:pt x="1171181" y="473710"/>
                  </a:cubicBezTo>
                  <a:cubicBezTo>
                    <a:pt x="1173607" y="485775"/>
                    <a:pt x="1165847" y="497332"/>
                    <a:pt x="1153922" y="499745"/>
                  </a:cubicBezTo>
                  <a:cubicBezTo>
                    <a:pt x="1152398" y="500126"/>
                    <a:pt x="1150988" y="500253"/>
                    <a:pt x="1149464" y="500253"/>
                  </a:cubicBezTo>
                  <a:cubicBezTo>
                    <a:pt x="1139190" y="500253"/>
                    <a:pt x="1130033" y="493014"/>
                    <a:pt x="1127874" y="482473"/>
                  </a:cubicBezTo>
                  <a:moveTo>
                    <a:pt x="28448" y="503301"/>
                  </a:moveTo>
                  <a:cubicBezTo>
                    <a:pt x="16497" y="501015"/>
                    <a:pt x="8623" y="489458"/>
                    <a:pt x="11049" y="477393"/>
                  </a:cubicBezTo>
                  <a:cubicBezTo>
                    <a:pt x="13322" y="465455"/>
                    <a:pt x="25006" y="457708"/>
                    <a:pt x="36957" y="459994"/>
                  </a:cubicBezTo>
                  <a:cubicBezTo>
                    <a:pt x="48882" y="462280"/>
                    <a:pt x="56756" y="473964"/>
                    <a:pt x="54356" y="485902"/>
                  </a:cubicBezTo>
                  <a:cubicBezTo>
                    <a:pt x="52324" y="496443"/>
                    <a:pt x="43040" y="503809"/>
                    <a:pt x="32766" y="503809"/>
                  </a:cubicBezTo>
                  <a:cubicBezTo>
                    <a:pt x="31356" y="503809"/>
                    <a:pt x="29832" y="503682"/>
                    <a:pt x="28448" y="503301"/>
                  </a:cubicBezTo>
                  <a:moveTo>
                    <a:pt x="1138682" y="591566"/>
                  </a:moveTo>
                  <a:cubicBezTo>
                    <a:pt x="1138682" y="591058"/>
                    <a:pt x="1138796" y="590677"/>
                    <a:pt x="1138796" y="590296"/>
                  </a:cubicBezTo>
                  <a:cubicBezTo>
                    <a:pt x="1138796" y="589915"/>
                    <a:pt x="1138682" y="589534"/>
                    <a:pt x="1138682" y="589153"/>
                  </a:cubicBezTo>
                  <a:cubicBezTo>
                    <a:pt x="1138682" y="576961"/>
                    <a:pt x="1148448" y="567055"/>
                    <a:pt x="1160767" y="567055"/>
                  </a:cubicBezTo>
                  <a:cubicBezTo>
                    <a:pt x="1172972" y="566928"/>
                    <a:pt x="1182865" y="576834"/>
                    <a:pt x="1182865" y="589026"/>
                  </a:cubicBezTo>
                  <a:lnTo>
                    <a:pt x="1182865" y="590296"/>
                  </a:lnTo>
                  <a:lnTo>
                    <a:pt x="1182865" y="591566"/>
                  </a:lnTo>
                  <a:cubicBezTo>
                    <a:pt x="1182865" y="603758"/>
                    <a:pt x="1172972" y="613664"/>
                    <a:pt x="1160767" y="613664"/>
                  </a:cubicBezTo>
                  <a:cubicBezTo>
                    <a:pt x="1148575" y="613664"/>
                    <a:pt x="1138682" y="603758"/>
                    <a:pt x="1138682" y="591566"/>
                  </a:cubicBezTo>
                  <a:moveTo>
                    <a:pt x="0" y="592709"/>
                  </a:moveTo>
                  <a:cubicBezTo>
                    <a:pt x="0" y="580517"/>
                    <a:pt x="9906" y="570611"/>
                    <a:pt x="22098" y="570611"/>
                  </a:cubicBezTo>
                  <a:cubicBezTo>
                    <a:pt x="34290" y="570611"/>
                    <a:pt x="44183" y="580390"/>
                    <a:pt x="44183" y="592709"/>
                  </a:cubicBezTo>
                  <a:cubicBezTo>
                    <a:pt x="44183" y="604901"/>
                    <a:pt x="34417" y="614807"/>
                    <a:pt x="22225" y="614807"/>
                  </a:cubicBezTo>
                  <a:cubicBezTo>
                    <a:pt x="9906" y="614807"/>
                    <a:pt x="0" y="604901"/>
                    <a:pt x="0" y="592709"/>
                  </a:cubicBezTo>
                  <a:moveTo>
                    <a:pt x="1145781" y="724154"/>
                  </a:moveTo>
                  <a:cubicBezTo>
                    <a:pt x="1133716" y="721868"/>
                    <a:pt x="1125982" y="710184"/>
                    <a:pt x="1128255" y="698246"/>
                  </a:cubicBezTo>
                  <a:cubicBezTo>
                    <a:pt x="1130681" y="686308"/>
                    <a:pt x="1142365" y="678434"/>
                    <a:pt x="1154290" y="680847"/>
                  </a:cubicBezTo>
                  <a:cubicBezTo>
                    <a:pt x="1166241" y="683260"/>
                    <a:pt x="1174115" y="694817"/>
                    <a:pt x="1171689" y="706755"/>
                  </a:cubicBezTo>
                  <a:cubicBezTo>
                    <a:pt x="1169530" y="717296"/>
                    <a:pt x="1160399" y="724662"/>
                    <a:pt x="1149972" y="724662"/>
                  </a:cubicBezTo>
                  <a:cubicBezTo>
                    <a:pt x="1148575" y="724662"/>
                    <a:pt x="1147191" y="724408"/>
                    <a:pt x="1145781" y="724154"/>
                  </a:cubicBezTo>
                  <a:moveTo>
                    <a:pt x="11557" y="708025"/>
                  </a:moveTo>
                  <a:cubicBezTo>
                    <a:pt x="9131" y="696087"/>
                    <a:pt x="16891" y="684403"/>
                    <a:pt x="28816" y="681990"/>
                  </a:cubicBezTo>
                  <a:cubicBezTo>
                    <a:pt x="40767" y="679704"/>
                    <a:pt x="52438" y="687451"/>
                    <a:pt x="54864" y="699389"/>
                  </a:cubicBezTo>
                  <a:cubicBezTo>
                    <a:pt x="57150" y="711327"/>
                    <a:pt x="49390" y="723011"/>
                    <a:pt x="37465" y="725297"/>
                  </a:cubicBezTo>
                  <a:cubicBezTo>
                    <a:pt x="36055" y="725678"/>
                    <a:pt x="34531" y="725805"/>
                    <a:pt x="33147" y="725805"/>
                  </a:cubicBezTo>
                  <a:cubicBezTo>
                    <a:pt x="22847" y="725805"/>
                    <a:pt x="13589" y="718566"/>
                    <a:pt x="11557" y="708025"/>
                  </a:cubicBezTo>
                  <a:moveTo>
                    <a:pt x="1109205" y="829691"/>
                  </a:moveTo>
                  <a:cubicBezTo>
                    <a:pt x="1097915" y="824992"/>
                    <a:pt x="1092581" y="812038"/>
                    <a:pt x="1097267" y="800862"/>
                  </a:cubicBezTo>
                  <a:cubicBezTo>
                    <a:pt x="1101966" y="789559"/>
                    <a:pt x="1114806" y="784225"/>
                    <a:pt x="1126096" y="788924"/>
                  </a:cubicBezTo>
                  <a:cubicBezTo>
                    <a:pt x="1137399" y="793496"/>
                    <a:pt x="1142733" y="806450"/>
                    <a:pt x="1138174" y="817753"/>
                  </a:cubicBezTo>
                  <a:lnTo>
                    <a:pt x="1138047" y="817753"/>
                  </a:lnTo>
                  <a:cubicBezTo>
                    <a:pt x="1134605" y="826262"/>
                    <a:pt x="1126350" y="831342"/>
                    <a:pt x="1117714" y="831342"/>
                  </a:cubicBezTo>
                  <a:cubicBezTo>
                    <a:pt x="1114933" y="831342"/>
                    <a:pt x="1111999" y="830834"/>
                    <a:pt x="1109205" y="829691"/>
                  </a:cubicBezTo>
                  <a:moveTo>
                    <a:pt x="45339" y="818896"/>
                  </a:moveTo>
                  <a:cubicBezTo>
                    <a:pt x="40640" y="807593"/>
                    <a:pt x="45974" y="794639"/>
                    <a:pt x="57150" y="790067"/>
                  </a:cubicBezTo>
                  <a:cubicBezTo>
                    <a:pt x="68440" y="785368"/>
                    <a:pt x="81407" y="790575"/>
                    <a:pt x="86106" y="801878"/>
                  </a:cubicBezTo>
                  <a:cubicBezTo>
                    <a:pt x="90792" y="813181"/>
                    <a:pt x="85458" y="826135"/>
                    <a:pt x="74155" y="830834"/>
                  </a:cubicBezTo>
                  <a:cubicBezTo>
                    <a:pt x="71374" y="831977"/>
                    <a:pt x="68567" y="832485"/>
                    <a:pt x="65646" y="832485"/>
                  </a:cubicBezTo>
                  <a:cubicBezTo>
                    <a:pt x="57023" y="832485"/>
                    <a:pt x="48882" y="827405"/>
                    <a:pt x="45339" y="818896"/>
                  </a:cubicBezTo>
                  <a:moveTo>
                    <a:pt x="1052817" y="925957"/>
                  </a:moveTo>
                  <a:cubicBezTo>
                    <a:pt x="1042657" y="919226"/>
                    <a:pt x="1039863" y="905510"/>
                    <a:pt x="1046721" y="895350"/>
                  </a:cubicBezTo>
                  <a:cubicBezTo>
                    <a:pt x="1053465" y="885190"/>
                    <a:pt x="1067181" y="882523"/>
                    <a:pt x="1077341" y="889254"/>
                  </a:cubicBezTo>
                  <a:cubicBezTo>
                    <a:pt x="1087488" y="896112"/>
                    <a:pt x="1090155" y="909828"/>
                    <a:pt x="1083424" y="919988"/>
                  </a:cubicBezTo>
                  <a:cubicBezTo>
                    <a:pt x="1079106" y="926338"/>
                    <a:pt x="1072121" y="929767"/>
                    <a:pt x="1065022" y="929767"/>
                  </a:cubicBezTo>
                  <a:cubicBezTo>
                    <a:pt x="1060831" y="929767"/>
                    <a:pt x="1056500" y="928497"/>
                    <a:pt x="1052817" y="925957"/>
                  </a:cubicBezTo>
                  <a:moveTo>
                    <a:pt x="100190" y="921004"/>
                  </a:moveTo>
                  <a:cubicBezTo>
                    <a:pt x="93332" y="910844"/>
                    <a:pt x="96139" y="897128"/>
                    <a:pt x="106172" y="890270"/>
                  </a:cubicBezTo>
                  <a:cubicBezTo>
                    <a:pt x="116332" y="883539"/>
                    <a:pt x="130048" y="886206"/>
                    <a:pt x="136906" y="896366"/>
                  </a:cubicBezTo>
                  <a:cubicBezTo>
                    <a:pt x="143624" y="906399"/>
                    <a:pt x="140957" y="920115"/>
                    <a:pt x="130797" y="926973"/>
                  </a:cubicBezTo>
                  <a:cubicBezTo>
                    <a:pt x="127114" y="929513"/>
                    <a:pt x="122796" y="930783"/>
                    <a:pt x="118491" y="930783"/>
                  </a:cubicBezTo>
                  <a:cubicBezTo>
                    <a:pt x="111506" y="930783"/>
                    <a:pt x="104508" y="927354"/>
                    <a:pt x="100190" y="921004"/>
                  </a:cubicBezTo>
                  <a:moveTo>
                    <a:pt x="978649" y="1009523"/>
                  </a:moveTo>
                  <a:cubicBezTo>
                    <a:pt x="970013" y="1000887"/>
                    <a:pt x="970013" y="986917"/>
                    <a:pt x="978649" y="978281"/>
                  </a:cubicBezTo>
                  <a:cubicBezTo>
                    <a:pt x="987298" y="969645"/>
                    <a:pt x="1001255" y="969645"/>
                    <a:pt x="1009891" y="978281"/>
                  </a:cubicBezTo>
                  <a:cubicBezTo>
                    <a:pt x="1018540" y="986917"/>
                    <a:pt x="1018540" y="1000887"/>
                    <a:pt x="1009891" y="1009523"/>
                  </a:cubicBezTo>
                  <a:cubicBezTo>
                    <a:pt x="1005573" y="1013841"/>
                    <a:pt x="999998" y="1016000"/>
                    <a:pt x="994283" y="1016000"/>
                  </a:cubicBezTo>
                  <a:cubicBezTo>
                    <a:pt x="988555" y="1016000"/>
                    <a:pt x="982967" y="1013841"/>
                    <a:pt x="978649" y="1009523"/>
                  </a:cubicBezTo>
                  <a:moveTo>
                    <a:pt x="173850" y="1010412"/>
                  </a:moveTo>
                  <a:cubicBezTo>
                    <a:pt x="165214" y="1001776"/>
                    <a:pt x="165214" y="987806"/>
                    <a:pt x="173850" y="979170"/>
                  </a:cubicBezTo>
                  <a:cubicBezTo>
                    <a:pt x="182499" y="970534"/>
                    <a:pt x="196456" y="970407"/>
                    <a:pt x="205092" y="979043"/>
                  </a:cubicBezTo>
                  <a:cubicBezTo>
                    <a:pt x="213741" y="987679"/>
                    <a:pt x="213741" y="1001649"/>
                    <a:pt x="205092" y="1010285"/>
                  </a:cubicBezTo>
                  <a:cubicBezTo>
                    <a:pt x="200774" y="1014603"/>
                    <a:pt x="195199" y="1016762"/>
                    <a:pt x="189471" y="1016762"/>
                  </a:cubicBezTo>
                  <a:cubicBezTo>
                    <a:pt x="183883" y="1016762"/>
                    <a:pt x="178181" y="1014730"/>
                    <a:pt x="173850" y="1010412"/>
                  </a:cubicBezTo>
                  <a:moveTo>
                    <a:pt x="889749" y="1077087"/>
                  </a:moveTo>
                  <a:cubicBezTo>
                    <a:pt x="883031" y="1066927"/>
                    <a:pt x="885698" y="1053211"/>
                    <a:pt x="895858" y="1046353"/>
                  </a:cubicBezTo>
                  <a:lnTo>
                    <a:pt x="895858" y="1046480"/>
                  </a:lnTo>
                  <a:cubicBezTo>
                    <a:pt x="905891" y="1039622"/>
                    <a:pt x="919721" y="1042289"/>
                    <a:pt x="926465" y="1052449"/>
                  </a:cubicBezTo>
                  <a:cubicBezTo>
                    <a:pt x="933183" y="1062609"/>
                    <a:pt x="930516" y="1076325"/>
                    <a:pt x="920356" y="1083056"/>
                  </a:cubicBezTo>
                  <a:cubicBezTo>
                    <a:pt x="916673" y="1085596"/>
                    <a:pt x="912355" y="1086866"/>
                    <a:pt x="908164" y="1086866"/>
                  </a:cubicBezTo>
                  <a:cubicBezTo>
                    <a:pt x="901065" y="1086866"/>
                    <a:pt x="893940" y="1083437"/>
                    <a:pt x="889749" y="1077087"/>
                  </a:cubicBezTo>
                  <a:moveTo>
                    <a:pt x="263525" y="1083818"/>
                  </a:moveTo>
                  <a:cubicBezTo>
                    <a:pt x="253365" y="1077087"/>
                    <a:pt x="250698" y="1063244"/>
                    <a:pt x="257416" y="1053211"/>
                  </a:cubicBezTo>
                  <a:cubicBezTo>
                    <a:pt x="264147" y="1043051"/>
                    <a:pt x="277863" y="1040257"/>
                    <a:pt x="288023" y="1046988"/>
                  </a:cubicBezTo>
                  <a:cubicBezTo>
                    <a:pt x="298183" y="1053846"/>
                    <a:pt x="300990" y="1067562"/>
                    <a:pt x="294132" y="1077722"/>
                  </a:cubicBezTo>
                  <a:cubicBezTo>
                    <a:pt x="289941" y="1084072"/>
                    <a:pt x="282956" y="1087501"/>
                    <a:pt x="275831" y="1087501"/>
                  </a:cubicBezTo>
                  <a:cubicBezTo>
                    <a:pt x="271513" y="1087501"/>
                    <a:pt x="267322" y="1086358"/>
                    <a:pt x="263525" y="1083818"/>
                  </a:cubicBezTo>
                  <a:moveTo>
                    <a:pt x="789432" y="1125982"/>
                  </a:moveTo>
                  <a:cubicBezTo>
                    <a:pt x="784733" y="1114679"/>
                    <a:pt x="790067" y="1101725"/>
                    <a:pt x="801357" y="1097153"/>
                  </a:cubicBezTo>
                  <a:cubicBezTo>
                    <a:pt x="812533" y="1092454"/>
                    <a:pt x="825500" y="1097788"/>
                    <a:pt x="830199" y="1108964"/>
                  </a:cubicBezTo>
                  <a:cubicBezTo>
                    <a:pt x="834898" y="1120267"/>
                    <a:pt x="829564" y="1133221"/>
                    <a:pt x="818248" y="1137920"/>
                  </a:cubicBezTo>
                  <a:cubicBezTo>
                    <a:pt x="815467" y="1139063"/>
                    <a:pt x="812673" y="1139571"/>
                    <a:pt x="809739" y="1139571"/>
                  </a:cubicBezTo>
                  <a:cubicBezTo>
                    <a:pt x="801116" y="1139571"/>
                    <a:pt x="792975" y="1134491"/>
                    <a:pt x="789432" y="1125982"/>
                  </a:cubicBezTo>
                  <a:moveTo>
                    <a:pt x="365747" y="1138428"/>
                  </a:moveTo>
                  <a:cubicBezTo>
                    <a:pt x="354571" y="1133729"/>
                    <a:pt x="349123" y="1120775"/>
                    <a:pt x="353822" y="1109472"/>
                  </a:cubicBezTo>
                  <a:cubicBezTo>
                    <a:pt x="358508" y="1098296"/>
                    <a:pt x="371348" y="1092835"/>
                    <a:pt x="382638" y="1097534"/>
                  </a:cubicBezTo>
                  <a:cubicBezTo>
                    <a:pt x="393941" y="1102233"/>
                    <a:pt x="399275" y="1115060"/>
                    <a:pt x="394589" y="1126363"/>
                  </a:cubicBezTo>
                  <a:cubicBezTo>
                    <a:pt x="391147" y="1134872"/>
                    <a:pt x="382892" y="1140079"/>
                    <a:pt x="374256" y="1140079"/>
                  </a:cubicBezTo>
                  <a:cubicBezTo>
                    <a:pt x="371475" y="1140079"/>
                    <a:pt x="368541" y="1139444"/>
                    <a:pt x="365747" y="1138428"/>
                  </a:cubicBezTo>
                  <a:moveTo>
                    <a:pt x="681342" y="1154303"/>
                  </a:moveTo>
                  <a:cubicBezTo>
                    <a:pt x="679056" y="1142238"/>
                    <a:pt x="686816" y="1130681"/>
                    <a:pt x="698741" y="1128268"/>
                  </a:cubicBezTo>
                  <a:cubicBezTo>
                    <a:pt x="710692" y="1125855"/>
                    <a:pt x="722363" y="1133602"/>
                    <a:pt x="724789" y="1145667"/>
                  </a:cubicBezTo>
                  <a:cubicBezTo>
                    <a:pt x="727075" y="1157605"/>
                    <a:pt x="719315" y="1169289"/>
                    <a:pt x="707390" y="1171575"/>
                  </a:cubicBezTo>
                  <a:cubicBezTo>
                    <a:pt x="705866" y="1171829"/>
                    <a:pt x="704456" y="1172083"/>
                    <a:pt x="703072" y="1172083"/>
                  </a:cubicBezTo>
                  <a:cubicBezTo>
                    <a:pt x="692658" y="1172083"/>
                    <a:pt x="683514" y="1164717"/>
                    <a:pt x="681342" y="1154303"/>
                  </a:cubicBezTo>
                  <a:moveTo>
                    <a:pt x="476758" y="1171829"/>
                  </a:moveTo>
                  <a:cubicBezTo>
                    <a:pt x="464807" y="1169543"/>
                    <a:pt x="457073" y="1157859"/>
                    <a:pt x="459346" y="1145921"/>
                  </a:cubicBezTo>
                  <a:cubicBezTo>
                    <a:pt x="461772" y="1133983"/>
                    <a:pt x="473316" y="1126109"/>
                    <a:pt x="485267" y="1128522"/>
                  </a:cubicBezTo>
                  <a:cubicBezTo>
                    <a:pt x="497192" y="1130808"/>
                    <a:pt x="505066" y="1142492"/>
                    <a:pt x="502666" y="1154430"/>
                  </a:cubicBezTo>
                  <a:cubicBezTo>
                    <a:pt x="500621" y="1164971"/>
                    <a:pt x="491350" y="1172210"/>
                    <a:pt x="481063" y="1172210"/>
                  </a:cubicBezTo>
                  <a:cubicBezTo>
                    <a:pt x="479666" y="1172210"/>
                    <a:pt x="478142" y="1172083"/>
                    <a:pt x="476758" y="1171829"/>
                  </a:cubicBezTo>
                  <a:moveTo>
                    <a:pt x="569963" y="1160907"/>
                  </a:moveTo>
                  <a:cubicBezTo>
                    <a:pt x="569963" y="1148715"/>
                    <a:pt x="579882" y="1138809"/>
                    <a:pt x="592074" y="1138809"/>
                  </a:cubicBezTo>
                  <a:cubicBezTo>
                    <a:pt x="604266" y="1138809"/>
                    <a:pt x="614172" y="1148588"/>
                    <a:pt x="614172" y="1160780"/>
                  </a:cubicBezTo>
                  <a:cubicBezTo>
                    <a:pt x="614172" y="1172972"/>
                    <a:pt x="604266" y="1182878"/>
                    <a:pt x="592074" y="1183005"/>
                  </a:cubicBezTo>
                  <a:cubicBezTo>
                    <a:pt x="579882" y="1183005"/>
                    <a:pt x="569963" y="1173099"/>
                    <a:pt x="569963" y="1160907"/>
                  </a:cubicBezTo>
                </a:path>
              </a:pathLst>
            </a:custGeom>
            <a:solidFill>
              <a:schemeClr val="bg1"/>
            </a:solidFill>
            <a:ln w="12700" cap="flat">
              <a:noFill/>
              <a:prstDash val="solid"/>
              <a:miter/>
            </a:ln>
          </p:spPr>
          <p:txBody>
            <a:bodyPr rtlCol="0" anchor="ctr"/>
            <a:lstStyle/>
            <a:p>
              <a:endParaRPr lang="da-DK" dirty="0"/>
            </a:p>
          </p:txBody>
        </p:sp>
      </p:grpSp>
      <p:sp>
        <p:nvSpPr>
          <p:cNvPr id="3" name="Undertitel 2">
            <a:extLst>
              <a:ext uri="{FF2B5EF4-FFF2-40B4-BE49-F238E27FC236}">
                <a16:creationId xmlns:a16="http://schemas.microsoft.com/office/drawing/2014/main" id="{2FC74C7B-E901-4D9B-872D-D1976FEA9D80}"/>
              </a:ext>
            </a:extLst>
          </p:cNvPr>
          <p:cNvSpPr>
            <a:spLocks noGrp="1"/>
          </p:cNvSpPr>
          <p:nvPr>
            <p:ph type="subTitle" idx="1"/>
          </p:nvPr>
        </p:nvSpPr>
        <p:spPr>
          <a:xfrm>
            <a:off x="720000" y="720000"/>
            <a:ext cx="7200000" cy="258797"/>
          </a:xfrm>
        </p:spPr>
        <p:txBody>
          <a:bodyPr>
            <a:noAutofit/>
          </a:bodyPr>
          <a:lstStyle>
            <a:lvl1pPr marL="0" indent="0" algn="l">
              <a:buNone/>
              <a:defRPr sz="180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i master</a:t>
            </a:r>
            <a:endParaRPr lang="da-DK" dirty="0"/>
          </a:p>
        </p:txBody>
      </p:sp>
      <p:sp>
        <p:nvSpPr>
          <p:cNvPr id="9" name="Titel 8">
            <a:extLst>
              <a:ext uri="{FF2B5EF4-FFF2-40B4-BE49-F238E27FC236}">
                <a16:creationId xmlns:a16="http://schemas.microsoft.com/office/drawing/2014/main" id="{CDF6510D-94B4-4A30-B1C8-B95F8CE1D999}"/>
              </a:ext>
            </a:extLst>
          </p:cNvPr>
          <p:cNvSpPr>
            <a:spLocks noGrp="1"/>
          </p:cNvSpPr>
          <p:nvPr>
            <p:ph type="title" hasCustomPrompt="1"/>
          </p:nvPr>
        </p:nvSpPr>
        <p:spPr>
          <a:xfrm>
            <a:off x="720000" y="1367999"/>
            <a:ext cx="7200000" cy="2061001"/>
          </a:xfrm>
        </p:spPr>
        <p:txBody>
          <a:bodyPr>
            <a:noAutofit/>
          </a:bodyPr>
          <a:lstStyle>
            <a:lvl1pPr>
              <a:lnSpc>
                <a:spcPts val="5300"/>
              </a:lnSpc>
              <a:defRPr sz="4800">
                <a:solidFill>
                  <a:schemeClr val="bg1"/>
                </a:solidFill>
              </a:defRPr>
            </a:lvl1pPr>
          </a:lstStyle>
          <a:p>
            <a:r>
              <a:rPr lang="da-DK" dirty="0"/>
              <a:t>OVERSKRIFT</a:t>
            </a:r>
          </a:p>
        </p:txBody>
      </p:sp>
      <p:grpSp>
        <p:nvGrpSpPr>
          <p:cNvPr id="42" name="Gruppe 41">
            <a:extLst>
              <a:ext uri="{FF2B5EF4-FFF2-40B4-BE49-F238E27FC236}">
                <a16:creationId xmlns:a16="http://schemas.microsoft.com/office/drawing/2014/main" id="{ABA7A197-6C69-4D7D-B18C-0142AA777572}"/>
              </a:ext>
            </a:extLst>
          </p:cNvPr>
          <p:cNvGrpSpPr>
            <a:grpSpLocks noChangeAspect="1"/>
          </p:cNvGrpSpPr>
          <p:nvPr/>
        </p:nvGrpSpPr>
        <p:grpSpPr>
          <a:xfrm>
            <a:off x="11154813" y="303458"/>
            <a:ext cx="718221" cy="1085713"/>
            <a:chOff x="720000" y="4860000"/>
            <a:chExt cx="1259999" cy="1904703"/>
          </a:xfrm>
        </p:grpSpPr>
        <p:sp>
          <p:nvSpPr>
            <p:cNvPr id="5" name="Kombinationstegning: figur 4">
              <a:extLst>
                <a:ext uri="{FF2B5EF4-FFF2-40B4-BE49-F238E27FC236}">
                  <a16:creationId xmlns:a16="http://schemas.microsoft.com/office/drawing/2014/main" id="{8E1B2918-B0A1-4FE7-BCFA-BAAD8ACC3F60}"/>
                </a:ext>
              </a:extLst>
            </p:cNvPr>
            <p:cNvSpPr/>
            <p:nvPr/>
          </p:nvSpPr>
          <p:spPr>
            <a:xfrm>
              <a:off x="903890" y="4860000"/>
              <a:ext cx="892210" cy="882977"/>
            </a:xfrm>
            <a:custGeom>
              <a:avLst/>
              <a:gdLst>
                <a:gd name="connsiteX0" fmla="*/ 1062698 w 1362240"/>
                <a:gd name="connsiteY0" fmla="*/ 1043813 h 1348143"/>
                <a:gd name="connsiteX1" fmla="*/ 891362 w 1362240"/>
                <a:gd name="connsiteY1" fmla="*/ 914870 h 1348143"/>
                <a:gd name="connsiteX2" fmla="*/ 1020534 w 1362240"/>
                <a:gd name="connsiteY2" fmla="*/ 743877 h 1348143"/>
                <a:gd name="connsiteX3" fmla="*/ 1191870 w 1362240"/>
                <a:gd name="connsiteY3" fmla="*/ 872681 h 1348143"/>
                <a:gd name="connsiteX4" fmla="*/ 1062698 w 1362240"/>
                <a:gd name="connsiteY4" fmla="*/ 1043813 h 1348143"/>
                <a:gd name="connsiteX5" fmla="*/ 690169 w 1362240"/>
                <a:gd name="connsiteY5" fmla="*/ 862317 h 1348143"/>
                <a:gd name="connsiteX6" fmla="*/ 492379 w 1362240"/>
                <a:gd name="connsiteY6" fmla="*/ 713486 h 1348143"/>
                <a:gd name="connsiteX7" fmla="*/ 641401 w 1362240"/>
                <a:gd name="connsiteY7" fmla="*/ 515963 h 1348143"/>
                <a:gd name="connsiteX8" fmla="*/ 839368 w 1362240"/>
                <a:gd name="connsiteY8" fmla="*/ 664807 h 1348143"/>
                <a:gd name="connsiteX9" fmla="*/ 690169 w 1362240"/>
                <a:gd name="connsiteY9" fmla="*/ 862317 h 1348143"/>
                <a:gd name="connsiteX10" fmla="*/ 313030 w 1362240"/>
                <a:gd name="connsiteY10" fmla="*/ 634416 h 1348143"/>
                <a:gd name="connsiteX11" fmla="*/ 141643 w 1362240"/>
                <a:gd name="connsiteY11" fmla="*/ 505536 h 1348143"/>
                <a:gd name="connsiteX12" fmla="*/ 270802 w 1362240"/>
                <a:gd name="connsiteY12" fmla="*/ 334467 h 1348143"/>
                <a:gd name="connsiteX13" fmla="*/ 442290 w 1362240"/>
                <a:gd name="connsiteY13" fmla="*/ 463271 h 1348143"/>
                <a:gd name="connsiteX14" fmla="*/ 313030 w 1362240"/>
                <a:gd name="connsiteY14" fmla="*/ 634416 h 1348143"/>
                <a:gd name="connsiteX15" fmla="*/ 1362240 w 1362240"/>
                <a:gd name="connsiteY15" fmla="*/ 671627 h 1348143"/>
                <a:gd name="connsiteX16" fmla="*/ 1042149 w 1362240"/>
                <a:gd name="connsiteY16" fmla="*/ 95174 h 1348143"/>
                <a:gd name="connsiteX17" fmla="*/ 976630 w 1362240"/>
                <a:gd name="connsiteY17" fmla="*/ 151105 h 1348143"/>
                <a:gd name="connsiteX18" fmla="*/ 885901 w 1362240"/>
                <a:gd name="connsiteY18" fmla="*/ 82969 h 1348143"/>
                <a:gd name="connsiteX19" fmla="*/ 898728 w 1362240"/>
                <a:gd name="connsiteY19" fmla="*/ 27318 h 1348143"/>
                <a:gd name="connsiteX20" fmla="*/ 788010 w 1362240"/>
                <a:gd name="connsiteY20" fmla="*/ 241 h 1348143"/>
                <a:gd name="connsiteX21" fmla="*/ 696811 w 1362240"/>
                <a:gd name="connsiteY21" fmla="*/ 92735 h 1348143"/>
                <a:gd name="connsiteX22" fmla="*/ 575869 w 1362240"/>
                <a:gd name="connsiteY22" fmla="*/ 1867 h 1348143"/>
                <a:gd name="connsiteX23" fmla="*/ 575704 w 1362240"/>
                <a:gd name="connsiteY23" fmla="*/ 0 h 1348143"/>
                <a:gd name="connsiteX24" fmla="*/ 465925 w 1362240"/>
                <a:gd name="connsiteY24" fmla="*/ 26543 h 1348143"/>
                <a:gd name="connsiteX25" fmla="*/ 502006 w 1362240"/>
                <a:gd name="connsiteY25" fmla="*/ 99708 h 1348143"/>
                <a:gd name="connsiteX26" fmla="*/ 389865 w 1362240"/>
                <a:gd name="connsiteY26" fmla="*/ 248209 h 1348143"/>
                <a:gd name="connsiteX27" fmla="*/ 243865 w 1362240"/>
                <a:gd name="connsiteY27" fmla="*/ 150482 h 1348143"/>
                <a:gd name="connsiteX28" fmla="*/ 0 w 1362240"/>
                <a:gd name="connsiteY28" fmla="*/ 671627 h 1348143"/>
                <a:gd name="connsiteX29" fmla="*/ 159982 w 1362240"/>
                <a:gd name="connsiteY29" fmla="*/ 1109256 h 1348143"/>
                <a:gd name="connsiteX30" fmla="*/ 211493 w 1362240"/>
                <a:gd name="connsiteY30" fmla="*/ 1047674 h 1348143"/>
                <a:gd name="connsiteX31" fmla="*/ 279502 w 1362240"/>
                <a:gd name="connsiteY31" fmla="*/ 1098791 h 1348143"/>
                <a:gd name="connsiteX32" fmla="*/ 228194 w 1362240"/>
                <a:gd name="connsiteY32" fmla="*/ 1166609 h 1348143"/>
                <a:gd name="connsiteX33" fmla="*/ 214516 w 1362240"/>
                <a:gd name="connsiteY33" fmla="*/ 1166762 h 1348143"/>
                <a:gd name="connsiteX34" fmla="*/ 314998 w 1362240"/>
                <a:gd name="connsiteY34" fmla="*/ 1244905 h 1348143"/>
                <a:gd name="connsiteX35" fmla="*/ 355168 w 1362240"/>
                <a:gd name="connsiteY35" fmla="*/ 1226947 h 1348143"/>
                <a:gd name="connsiteX36" fmla="*/ 445859 w 1362240"/>
                <a:gd name="connsiteY36" fmla="*/ 1295362 h 1348143"/>
                <a:gd name="connsiteX37" fmla="*/ 446481 w 1362240"/>
                <a:gd name="connsiteY37" fmla="*/ 1309954 h 1348143"/>
                <a:gd name="connsiteX38" fmla="*/ 556044 w 1362240"/>
                <a:gd name="connsiteY38" fmla="*/ 1339888 h 1348143"/>
                <a:gd name="connsiteX39" fmla="*/ 634949 w 1362240"/>
                <a:gd name="connsiteY39" fmla="*/ 1285469 h 1348143"/>
                <a:gd name="connsiteX40" fmla="*/ 747586 w 1362240"/>
                <a:gd name="connsiteY40" fmla="*/ 1348143 h 1348143"/>
                <a:gd name="connsiteX41" fmla="*/ 849020 w 1362240"/>
                <a:gd name="connsiteY41" fmla="*/ 1330541 h 1348143"/>
                <a:gd name="connsiteX42" fmla="*/ 829729 w 1362240"/>
                <a:gd name="connsiteY42" fmla="*/ 1278534 h 1348143"/>
                <a:gd name="connsiteX43" fmla="*/ 941870 w 1362240"/>
                <a:gd name="connsiteY43" fmla="*/ 1130071 h 1348143"/>
                <a:gd name="connsiteX44" fmla="*/ 1085152 w 1362240"/>
                <a:gd name="connsiteY44" fmla="*/ 1218870 h 1348143"/>
                <a:gd name="connsiteX45" fmla="*/ 1362240 w 1362240"/>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40" h="1348143">
                  <a:moveTo>
                    <a:pt x="1062698" y="1043813"/>
                  </a:moveTo>
                  <a:cubicBezTo>
                    <a:pt x="979716" y="1055497"/>
                    <a:pt x="903072" y="997763"/>
                    <a:pt x="891362" y="914870"/>
                  </a:cubicBezTo>
                  <a:cubicBezTo>
                    <a:pt x="879704" y="832028"/>
                    <a:pt x="937501" y="755548"/>
                    <a:pt x="1020534" y="743877"/>
                  </a:cubicBezTo>
                  <a:cubicBezTo>
                    <a:pt x="1103554" y="732231"/>
                    <a:pt x="1180262" y="789915"/>
                    <a:pt x="1191870" y="872681"/>
                  </a:cubicBezTo>
                  <a:cubicBezTo>
                    <a:pt x="1203592" y="955637"/>
                    <a:pt x="1145743" y="1032218"/>
                    <a:pt x="1062698" y="1043813"/>
                  </a:cubicBezTo>
                  <a:moveTo>
                    <a:pt x="690169" y="862317"/>
                  </a:moveTo>
                  <a:cubicBezTo>
                    <a:pt x="594436" y="875741"/>
                    <a:pt x="505841" y="809092"/>
                    <a:pt x="492379" y="713486"/>
                  </a:cubicBezTo>
                  <a:cubicBezTo>
                    <a:pt x="478879" y="617919"/>
                    <a:pt x="545643" y="529400"/>
                    <a:pt x="641401" y="515963"/>
                  </a:cubicBezTo>
                  <a:cubicBezTo>
                    <a:pt x="737337" y="502450"/>
                    <a:pt x="825894" y="569100"/>
                    <a:pt x="839368" y="664807"/>
                  </a:cubicBezTo>
                  <a:cubicBezTo>
                    <a:pt x="852830" y="760451"/>
                    <a:pt x="786168" y="848855"/>
                    <a:pt x="690169" y="862317"/>
                  </a:cubicBezTo>
                  <a:moveTo>
                    <a:pt x="313030" y="634416"/>
                  </a:moveTo>
                  <a:cubicBezTo>
                    <a:pt x="230048" y="646011"/>
                    <a:pt x="153314" y="588315"/>
                    <a:pt x="141643" y="505536"/>
                  </a:cubicBezTo>
                  <a:cubicBezTo>
                    <a:pt x="130061" y="422669"/>
                    <a:pt x="187770" y="346024"/>
                    <a:pt x="270802" y="334467"/>
                  </a:cubicBezTo>
                  <a:cubicBezTo>
                    <a:pt x="353847" y="322694"/>
                    <a:pt x="430619" y="380530"/>
                    <a:pt x="442290" y="463271"/>
                  </a:cubicBezTo>
                  <a:cubicBezTo>
                    <a:pt x="453873" y="546189"/>
                    <a:pt x="396011" y="622783"/>
                    <a:pt x="313030" y="634416"/>
                  </a:cubicBezTo>
                  <a:moveTo>
                    <a:pt x="1362240" y="671627"/>
                  </a:moveTo>
                  <a:cubicBezTo>
                    <a:pt x="1362240" y="428562"/>
                    <a:pt x="1234389" y="215341"/>
                    <a:pt x="1042149" y="95174"/>
                  </a:cubicBezTo>
                  <a:cubicBezTo>
                    <a:pt x="1033336" y="123990"/>
                    <a:pt x="1008558" y="146609"/>
                    <a:pt x="976630" y="151105"/>
                  </a:cubicBezTo>
                  <a:cubicBezTo>
                    <a:pt x="932663" y="157290"/>
                    <a:pt x="892175" y="126860"/>
                    <a:pt x="885901" y="82969"/>
                  </a:cubicBezTo>
                  <a:cubicBezTo>
                    <a:pt x="883044" y="62649"/>
                    <a:pt x="888162" y="43129"/>
                    <a:pt x="898728" y="27318"/>
                  </a:cubicBezTo>
                  <a:cubicBezTo>
                    <a:pt x="863054" y="15329"/>
                    <a:pt x="826059" y="6223"/>
                    <a:pt x="788010" y="241"/>
                  </a:cubicBezTo>
                  <a:cubicBezTo>
                    <a:pt x="782193" y="46939"/>
                    <a:pt x="745808" y="85890"/>
                    <a:pt x="696811" y="92735"/>
                  </a:cubicBezTo>
                  <a:cubicBezTo>
                    <a:pt x="638226" y="100889"/>
                    <a:pt x="584149" y="60236"/>
                    <a:pt x="575869" y="1867"/>
                  </a:cubicBezTo>
                  <a:cubicBezTo>
                    <a:pt x="575780" y="1232"/>
                    <a:pt x="575742" y="622"/>
                    <a:pt x="575704" y="0"/>
                  </a:cubicBezTo>
                  <a:cubicBezTo>
                    <a:pt x="537997" y="5842"/>
                    <a:pt x="501320" y="14796"/>
                    <a:pt x="465925" y="26543"/>
                  </a:cubicBezTo>
                  <a:cubicBezTo>
                    <a:pt x="484759" y="45872"/>
                    <a:pt x="497967" y="70980"/>
                    <a:pt x="502006" y="99708"/>
                  </a:cubicBezTo>
                  <a:cubicBezTo>
                    <a:pt x="512102" y="171577"/>
                    <a:pt x="461848" y="238112"/>
                    <a:pt x="389865" y="248209"/>
                  </a:cubicBezTo>
                  <a:cubicBezTo>
                    <a:pt x="322656" y="257607"/>
                    <a:pt x="260147" y="214681"/>
                    <a:pt x="243865" y="150482"/>
                  </a:cubicBezTo>
                  <a:cubicBezTo>
                    <a:pt x="94818" y="275171"/>
                    <a:pt x="0" y="462331"/>
                    <a:pt x="0" y="671627"/>
                  </a:cubicBezTo>
                  <a:cubicBezTo>
                    <a:pt x="0" y="838340"/>
                    <a:pt x="60185" y="991006"/>
                    <a:pt x="159982" y="1109256"/>
                  </a:cubicBezTo>
                  <a:cubicBezTo>
                    <a:pt x="158877" y="1078878"/>
                    <a:pt x="180607" y="1052005"/>
                    <a:pt x="211493" y="1047674"/>
                  </a:cubicBezTo>
                  <a:cubicBezTo>
                    <a:pt x="244450" y="1043038"/>
                    <a:pt x="274790" y="1065975"/>
                    <a:pt x="279502" y="1098791"/>
                  </a:cubicBezTo>
                  <a:cubicBezTo>
                    <a:pt x="284124" y="1131761"/>
                    <a:pt x="261188" y="1162152"/>
                    <a:pt x="228194" y="1166609"/>
                  </a:cubicBezTo>
                  <a:cubicBezTo>
                    <a:pt x="223545" y="1167282"/>
                    <a:pt x="218986" y="1167194"/>
                    <a:pt x="214516" y="1166762"/>
                  </a:cubicBezTo>
                  <a:cubicBezTo>
                    <a:pt x="245440" y="1195794"/>
                    <a:pt x="279057" y="1221994"/>
                    <a:pt x="314998" y="1244905"/>
                  </a:cubicBezTo>
                  <a:cubicBezTo>
                    <a:pt x="326111" y="1235647"/>
                    <a:pt x="339789" y="1229182"/>
                    <a:pt x="355168" y="1226947"/>
                  </a:cubicBezTo>
                  <a:cubicBezTo>
                    <a:pt x="399085" y="1221016"/>
                    <a:pt x="439687" y="1251356"/>
                    <a:pt x="445859" y="1295362"/>
                  </a:cubicBezTo>
                  <a:cubicBezTo>
                    <a:pt x="446545" y="1300277"/>
                    <a:pt x="446697" y="1305154"/>
                    <a:pt x="446481" y="1309954"/>
                  </a:cubicBezTo>
                  <a:cubicBezTo>
                    <a:pt x="481724" y="1322857"/>
                    <a:pt x="518351" y="1332903"/>
                    <a:pt x="556044" y="1339888"/>
                  </a:cubicBezTo>
                  <a:cubicBezTo>
                    <a:pt x="571767" y="1311427"/>
                    <a:pt x="600164" y="1290384"/>
                    <a:pt x="634949" y="1285469"/>
                  </a:cubicBezTo>
                  <a:cubicBezTo>
                    <a:pt x="683362" y="1278738"/>
                    <a:pt x="728663" y="1305573"/>
                    <a:pt x="747586" y="1348143"/>
                  </a:cubicBezTo>
                  <a:cubicBezTo>
                    <a:pt x="782218" y="1344790"/>
                    <a:pt x="816089" y="1338859"/>
                    <a:pt x="849020" y="1330541"/>
                  </a:cubicBezTo>
                  <a:cubicBezTo>
                    <a:pt x="839267" y="1315199"/>
                    <a:pt x="832434" y="1297699"/>
                    <a:pt x="829729" y="1278534"/>
                  </a:cubicBezTo>
                  <a:cubicBezTo>
                    <a:pt x="819544" y="1206640"/>
                    <a:pt x="869810" y="1140244"/>
                    <a:pt x="941870" y="1130071"/>
                  </a:cubicBezTo>
                  <a:cubicBezTo>
                    <a:pt x="1005992" y="1121169"/>
                    <a:pt x="1065555" y="1159789"/>
                    <a:pt x="1085152" y="1218870"/>
                  </a:cubicBezTo>
                  <a:cubicBezTo>
                    <a:pt x="1253211" y="1095096"/>
                    <a:pt x="1362240" y="896074"/>
                    <a:pt x="1362240" y="671627"/>
                  </a:cubicBezTo>
                </a:path>
              </a:pathLst>
            </a:custGeom>
            <a:solidFill>
              <a:srgbClr val="FFFFFF"/>
            </a:solidFill>
            <a:ln w="12700" cap="flat">
              <a:noFill/>
              <a:prstDash val="solid"/>
              <a:miter/>
            </a:ln>
          </p:spPr>
          <p:txBody>
            <a:bodyPr rtlCol="0" anchor="ctr"/>
            <a:lstStyle/>
            <a:p>
              <a:endParaRPr lang="da-DK"/>
            </a:p>
          </p:txBody>
        </p:sp>
        <p:sp>
          <p:nvSpPr>
            <p:cNvPr id="6" name="Kombinationstegning: figur 5">
              <a:extLst>
                <a:ext uri="{FF2B5EF4-FFF2-40B4-BE49-F238E27FC236}">
                  <a16:creationId xmlns:a16="http://schemas.microsoft.com/office/drawing/2014/main" id="{E2390177-FB9F-4E67-A120-4D1A364DA14E}"/>
                </a:ext>
              </a:extLst>
            </p:cNvPr>
            <p:cNvSpPr/>
            <p:nvPr/>
          </p:nvSpPr>
          <p:spPr>
            <a:xfrm>
              <a:off x="935138" y="5950288"/>
              <a:ext cx="116068" cy="121250"/>
            </a:xfrm>
            <a:custGeom>
              <a:avLst/>
              <a:gdLst>
                <a:gd name="connsiteX0" fmla="*/ 163195 w 177215"/>
                <a:gd name="connsiteY0" fmla="*/ 0 h 185127"/>
                <a:gd name="connsiteX1" fmla="*/ 172580 w 177215"/>
                <a:gd name="connsiteY1" fmla="*/ 3442 h 185127"/>
                <a:gd name="connsiteX2" fmla="*/ 176416 w 177215"/>
                <a:gd name="connsiteY2" fmla="*/ 12154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02 h 185127"/>
                <a:gd name="connsiteX7" fmla="*/ 26454 w 177215"/>
                <a:gd name="connsiteY7" fmla="*/ 36767 h 185127"/>
                <a:gd name="connsiteX8" fmla="*/ 26975 w 177215"/>
                <a:gd name="connsiteY8" fmla="*/ 66637 h 185127"/>
                <a:gd name="connsiteX9" fmla="*/ 29362 w 177215"/>
                <a:gd name="connsiteY9" fmla="*/ 76429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86 h 185127"/>
                <a:gd name="connsiteX24" fmla="*/ 150495 w 177215"/>
                <a:gd name="connsiteY24" fmla="*/ 148095 h 185127"/>
                <a:gd name="connsiteX25" fmla="*/ 150495 w 177215"/>
                <a:gd name="connsiteY25" fmla="*/ 117945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81 h 185127"/>
                <a:gd name="connsiteX31" fmla="*/ 2527 w 177215"/>
                <a:gd name="connsiteY31" fmla="*/ 89776 h 185127"/>
                <a:gd name="connsiteX32" fmla="*/ 533 w 177215"/>
                <a:gd name="connsiteY32" fmla="*/ 79870 h 185127"/>
                <a:gd name="connsiteX33" fmla="*/ 0 w 177215"/>
                <a:gd name="connsiteY33" fmla="*/ 25908 h 185127"/>
                <a:gd name="connsiteX34" fmla="*/ 7404 w 177215"/>
                <a:gd name="connsiteY34" fmla="*/ 7531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36"/>
                    <a:pt x="176416" y="12154"/>
                  </a:cubicBezTo>
                  <a:cubicBezTo>
                    <a:pt x="176416" y="15862"/>
                    <a:pt x="175133" y="18860"/>
                    <a:pt x="172580" y="21158"/>
                  </a:cubicBezTo>
                  <a:cubicBezTo>
                    <a:pt x="170015" y="23444"/>
                    <a:pt x="166891" y="24600"/>
                    <a:pt x="163195" y="24600"/>
                  </a:cubicBezTo>
                  <a:lnTo>
                    <a:pt x="38887" y="24600"/>
                  </a:lnTo>
                  <a:cubicBezTo>
                    <a:pt x="33782" y="24600"/>
                    <a:pt x="30429" y="25425"/>
                    <a:pt x="28842" y="27102"/>
                  </a:cubicBezTo>
                  <a:cubicBezTo>
                    <a:pt x="27254" y="28791"/>
                    <a:pt x="26454" y="32004"/>
                    <a:pt x="26454" y="36767"/>
                  </a:cubicBezTo>
                  <a:lnTo>
                    <a:pt x="26975" y="66637"/>
                  </a:lnTo>
                  <a:cubicBezTo>
                    <a:pt x="26975" y="71399"/>
                    <a:pt x="27775" y="74663"/>
                    <a:pt x="29362" y="76429"/>
                  </a:cubicBezTo>
                  <a:cubicBezTo>
                    <a:pt x="30950" y="78194"/>
                    <a:pt x="34303" y="79083"/>
                    <a:pt x="39421" y="79083"/>
                  </a:cubicBezTo>
                  <a:lnTo>
                    <a:pt x="151295" y="79083"/>
                  </a:lnTo>
                  <a:cubicBezTo>
                    <a:pt x="158521" y="79083"/>
                    <a:pt x="164643" y="81547"/>
                    <a:pt x="169672" y="86487"/>
                  </a:cubicBezTo>
                  <a:cubicBezTo>
                    <a:pt x="174689" y="91415"/>
                    <a:pt x="177216" y="97498"/>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86"/>
                  </a:cubicBezTo>
                  <a:cubicBezTo>
                    <a:pt x="149708" y="156121"/>
                    <a:pt x="150495" y="152870"/>
                    <a:pt x="150495" y="148095"/>
                  </a:cubicBezTo>
                  <a:lnTo>
                    <a:pt x="150495" y="117945"/>
                  </a:lnTo>
                  <a:cubicBezTo>
                    <a:pt x="150495" y="113005"/>
                    <a:pt x="149708" y="109715"/>
                    <a:pt x="148120" y="108039"/>
                  </a:cubicBezTo>
                  <a:cubicBezTo>
                    <a:pt x="146533" y="106363"/>
                    <a:pt x="143180" y="105524"/>
                    <a:pt x="138062" y="105524"/>
                  </a:cubicBezTo>
                  <a:lnTo>
                    <a:pt x="26187" y="105524"/>
                  </a:lnTo>
                  <a:cubicBezTo>
                    <a:pt x="22670" y="105524"/>
                    <a:pt x="19355" y="104864"/>
                    <a:pt x="16281" y="103530"/>
                  </a:cubicBezTo>
                  <a:cubicBezTo>
                    <a:pt x="13183" y="102210"/>
                    <a:pt x="10465" y="100355"/>
                    <a:pt x="8077" y="97981"/>
                  </a:cubicBezTo>
                  <a:cubicBezTo>
                    <a:pt x="5702" y="95593"/>
                    <a:pt x="3848" y="92862"/>
                    <a:pt x="2527" y="89776"/>
                  </a:cubicBezTo>
                  <a:cubicBezTo>
                    <a:pt x="1194" y="86703"/>
                    <a:pt x="533" y="83388"/>
                    <a:pt x="533" y="79870"/>
                  </a:cubicBezTo>
                  <a:lnTo>
                    <a:pt x="0" y="25908"/>
                  </a:lnTo>
                  <a:cubicBezTo>
                    <a:pt x="0" y="18694"/>
                    <a:pt x="2477" y="12548"/>
                    <a:pt x="7404" y="7531"/>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10" name="Kombinationstegning: figur 9">
              <a:extLst>
                <a:ext uri="{FF2B5EF4-FFF2-40B4-BE49-F238E27FC236}">
                  <a16:creationId xmlns:a16="http://schemas.microsoft.com/office/drawing/2014/main" id="{6428B890-FAE0-47D6-B911-FF0452E84195}"/>
                </a:ext>
              </a:extLst>
            </p:cNvPr>
            <p:cNvSpPr/>
            <p:nvPr/>
          </p:nvSpPr>
          <p:spPr>
            <a:xfrm>
              <a:off x="1096063" y="5950454"/>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11" name="Kombinationstegning: figur 10">
              <a:extLst>
                <a:ext uri="{FF2B5EF4-FFF2-40B4-BE49-F238E27FC236}">
                  <a16:creationId xmlns:a16="http://schemas.microsoft.com/office/drawing/2014/main" id="{D3FAC184-2020-4FA7-A06A-2273E8C87043}"/>
                </a:ext>
              </a:extLst>
            </p:cNvPr>
            <p:cNvSpPr/>
            <p:nvPr/>
          </p:nvSpPr>
          <p:spPr>
            <a:xfrm>
              <a:off x="1271707" y="5950288"/>
              <a:ext cx="112425" cy="121425"/>
            </a:xfrm>
            <a:custGeom>
              <a:avLst/>
              <a:gdLst>
                <a:gd name="connsiteX0" fmla="*/ 152083 w 171653"/>
                <a:gd name="connsiteY0" fmla="*/ 80924 h 185394"/>
                <a:gd name="connsiteX1" fmla="*/ 161468 w 171653"/>
                <a:gd name="connsiteY1" fmla="*/ 84226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56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26"/>
                  </a:cubicBezTo>
                  <a:cubicBezTo>
                    <a:pt x="164021" y="86436"/>
                    <a:pt x="165303" y="89383"/>
                    <a:pt x="165303" y="93091"/>
                  </a:cubicBezTo>
                  <a:cubicBezTo>
                    <a:pt x="165303" y="96609"/>
                    <a:pt x="164021" y="99441"/>
                    <a:pt x="161468" y="101549"/>
                  </a:cubicBezTo>
                  <a:cubicBezTo>
                    <a:pt x="158902" y="103670"/>
                    <a:pt x="155778" y="104724"/>
                    <a:pt x="152083" y="104724"/>
                  </a:cubicBezTo>
                  <a:lnTo>
                    <a:pt x="29616" y="104724"/>
                  </a:lnTo>
                  <a:cubicBezTo>
                    <a:pt x="27686" y="104724"/>
                    <a:pt x="26721" y="105778"/>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56"/>
                  </a:cubicBezTo>
                  <a:cubicBezTo>
                    <a:pt x="170332" y="5944"/>
                    <a:pt x="171653" y="8992"/>
                    <a:pt x="171653" y="12687"/>
                  </a:cubicBezTo>
                  <a:cubicBezTo>
                    <a:pt x="171653" y="16396"/>
                    <a:pt x="170332" y="19342"/>
                    <a:pt x="167691" y="21552"/>
                  </a:cubicBezTo>
                  <a:cubicBezTo>
                    <a:pt x="165049" y="23749"/>
                    <a:pt x="161950" y="24854"/>
                    <a:pt x="158420" y="24854"/>
                  </a:cubicBezTo>
                  <a:lnTo>
                    <a:pt x="29616" y="24854"/>
                  </a:lnTo>
                  <a:cubicBezTo>
                    <a:pt x="27686" y="24854"/>
                    <a:pt x="26721" y="25908"/>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12" name="Kombinationstegning: figur 11">
              <a:extLst>
                <a:ext uri="{FF2B5EF4-FFF2-40B4-BE49-F238E27FC236}">
                  <a16:creationId xmlns:a16="http://schemas.microsoft.com/office/drawing/2014/main" id="{254BCC83-A857-4242-B7C0-8FDCA0585AB6}"/>
                </a:ext>
              </a:extLst>
            </p:cNvPr>
            <p:cNvSpPr/>
            <p:nvPr/>
          </p:nvSpPr>
          <p:spPr>
            <a:xfrm>
              <a:off x="1453069" y="5947684"/>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02 h 193332"/>
                <a:gd name="connsiteX19" fmla="*/ 29616 w 181965"/>
                <a:gd name="connsiteY19" fmla="*/ 26708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31 h 193332"/>
                <a:gd name="connsiteX29" fmla="*/ 12967 w 181965"/>
                <a:gd name="connsiteY29" fmla="*/ 3975 h 193332"/>
                <a:gd name="connsiteX30" fmla="*/ 44437 w 181965"/>
                <a:gd name="connsiteY30" fmla="*/ 3975 h 193332"/>
                <a:gd name="connsiteX31" fmla="*/ 50914 w 181965"/>
                <a:gd name="connsiteY31" fmla="*/ 5550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32"/>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21"/>
                    <a:pt x="165037" y="0"/>
                    <a:pt x="168745" y="0"/>
                  </a:cubicBezTo>
                  <a:cubicBezTo>
                    <a:pt x="172441" y="0"/>
                    <a:pt x="175578" y="1321"/>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07"/>
                    <a:pt x="33109" y="27381"/>
                    <a:pt x="32664" y="27102"/>
                  </a:cubicBezTo>
                  <a:cubicBezTo>
                    <a:pt x="32233" y="26848"/>
                    <a:pt x="31204" y="26708"/>
                    <a:pt x="29616" y="26708"/>
                  </a:cubicBezTo>
                  <a:cubicBezTo>
                    <a:pt x="28384" y="26708"/>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31"/>
                  </a:cubicBezTo>
                  <a:cubicBezTo>
                    <a:pt x="5740" y="5423"/>
                    <a:pt x="8903" y="3975"/>
                    <a:pt x="12967" y="3975"/>
                  </a:cubicBezTo>
                  <a:lnTo>
                    <a:pt x="44437" y="3975"/>
                  </a:lnTo>
                  <a:cubicBezTo>
                    <a:pt x="46901" y="3975"/>
                    <a:pt x="49060" y="4496"/>
                    <a:pt x="50914" y="5550"/>
                  </a:cubicBezTo>
                  <a:cubicBezTo>
                    <a:pt x="52768" y="6617"/>
                    <a:pt x="54572" y="8547"/>
                    <a:pt x="56337" y="11379"/>
                  </a:cubicBezTo>
                </a:path>
              </a:pathLst>
            </a:custGeom>
            <a:solidFill>
              <a:srgbClr val="FFFFFF"/>
            </a:solidFill>
            <a:ln w="12700" cap="flat">
              <a:noFill/>
              <a:prstDash val="solid"/>
              <a:miter/>
            </a:ln>
          </p:spPr>
          <p:txBody>
            <a:bodyPr rtlCol="0" anchor="ctr"/>
            <a:lstStyle/>
            <a:p>
              <a:endParaRPr lang="da-DK"/>
            </a:p>
          </p:txBody>
        </p:sp>
        <p:sp>
          <p:nvSpPr>
            <p:cNvPr id="13" name="Kombinationstegning: figur 12">
              <a:extLst>
                <a:ext uri="{FF2B5EF4-FFF2-40B4-BE49-F238E27FC236}">
                  <a16:creationId xmlns:a16="http://schemas.microsoft.com/office/drawing/2014/main" id="{A1BC4212-1DF8-4E3F-B033-0E7C745AFFDE}"/>
                </a:ext>
              </a:extLst>
            </p:cNvPr>
            <p:cNvSpPr/>
            <p:nvPr/>
          </p:nvSpPr>
          <p:spPr>
            <a:xfrm>
              <a:off x="1643435" y="5950105"/>
              <a:ext cx="121425" cy="121608"/>
            </a:xfrm>
            <a:custGeom>
              <a:avLst/>
              <a:gdLst>
                <a:gd name="connsiteX0" fmla="*/ 39141 w 185394"/>
                <a:gd name="connsiteY0" fmla="*/ 24600 h 185673"/>
                <a:gd name="connsiteX1" fmla="*/ 28956 w 185394"/>
                <a:gd name="connsiteY1" fmla="*/ 26975 h 185673"/>
                <a:gd name="connsiteX2" fmla="*/ 26441 w 185394"/>
                <a:gd name="connsiteY2" fmla="*/ 37033 h 185673"/>
                <a:gd name="connsiteX3" fmla="*/ 26441 w 185394"/>
                <a:gd name="connsiteY3" fmla="*/ 148654 h 185673"/>
                <a:gd name="connsiteX4" fmla="*/ 29096 w 185394"/>
                <a:gd name="connsiteY4" fmla="*/ 158699 h 185673"/>
                <a:gd name="connsiteX5" fmla="*/ 39675 w 185394"/>
                <a:gd name="connsiteY5" fmla="*/ 161074 h 185673"/>
                <a:gd name="connsiteX6" fmla="*/ 146787 w 185394"/>
                <a:gd name="connsiteY6" fmla="*/ 161074 h 185673"/>
                <a:gd name="connsiteX7" fmla="*/ 156705 w 185394"/>
                <a:gd name="connsiteY7" fmla="*/ 158699 h 185673"/>
                <a:gd name="connsiteX8" fmla="*/ 158953 w 185394"/>
                <a:gd name="connsiteY8" fmla="*/ 148654 h 185673"/>
                <a:gd name="connsiteX9" fmla="*/ 158953 w 185394"/>
                <a:gd name="connsiteY9" fmla="*/ 37033 h 185673"/>
                <a:gd name="connsiteX10" fmla="*/ 156566 w 185394"/>
                <a:gd name="connsiteY10" fmla="*/ 26975 h 185673"/>
                <a:gd name="connsiteX11" fmla="*/ 146520 w 185394"/>
                <a:gd name="connsiteY11" fmla="*/ 24600 h 185673"/>
                <a:gd name="connsiteX12" fmla="*/ 159741 w 185394"/>
                <a:gd name="connsiteY12" fmla="*/ 0 h 185673"/>
                <a:gd name="connsiteX13" fmla="*/ 177990 w 185394"/>
                <a:gd name="connsiteY13" fmla="*/ 7544 h 185673"/>
                <a:gd name="connsiteX14" fmla="*/ 185395 w 185394"/>
                <a:gd name="connsiteY14" fmla="*/ 25921 h 185673"/>
                <a:gd name="connsiteX15" fmla="*/ 185395 w 185394"/>
                <a:gd name="connsiteY15" fmla="*/ 159753 h 185673"/>
                <a:gd name="connsiteX16" fmla="*/ 177990 w 185394"/>
                <a:gd name="connsiteY16" fmla="*/ 178143 h 185673"/>
                <a:gd name="connsiteX17" fmla="*/ 159741 w 185394"/>
                <a:gd name="connsiteY17" fmla="*/ 185674 h 185673"/>
                <a:gd name="connsiteX18" fmla="*/ 25654 w 185394"/>
                <a:gd name="connsiteY18" fmla="*/ 185674 h 185673"/>
                <a:gd name="connsiteX19" fmla="*/ 15735 w 185394"/>
                <a:gd name="connsiteY19" fmla="*/ 183680 h 185673"/>
                <a:gd name="connsiteX20" fmla="*/ 7544 w 185394"/>
                <a:gd name="connsiteY20" fmla="*/ 178143 h 185673"/>
                <a:gd name="connsiteX21" fmla="*/ 1981 w 185394"/>
                <a:gd name="connsiteY21" fmla="*/ 169812 h 185673"/>
                <a:gd name="connsiteX22" fmla="*/ 0 w 185394"/>
                <a:gd name="connsiteY22" fmla="*/ 159753 h 185673"/>
                <a:gd name="connsiteX23" fmla="*/ 0 w 185394"/>
                <a:gd name="connsiteY23" fmla="*/ 25921 h 185673"/>
                <a:gd name="connsiteX24" fmla="*/ 1981 w 185394"/>
                <a:gd name="connsiteY24" fmla="*/ 15875 h 185673"/>
                <a:gd name="connsiteX25" fmla="*/ 7544 w 185394"/>
                <a:gd name="connsiteY25" fmla="*/ 7544 h 185673"/>
                <a:gd name="connsiteX26" fmla="*/ 15735 w 185394"/>
                <a:gd name="connsiteY26" fmla="*/ 1994 h 185673"/>
                <a:gd name="connsiteX27" fmla="*/ 25654 w 185394"/>
                <a:gd name="connsiteY27" fmla="*/ 0 h 185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85394" h="185673">
                  <a:moveTo>
                    <a:pt x="39141" y="24600"/>
                  </a:moveTo>
                  <a:cubicBezTo>
                    <a:pt x="34023" y="24600"/>
                    <a:pt x="30632" y="25387"/>
                    <a:pt x="28956" y="26975"/>
                  </a:cubicBezTo>
                  <a:cubicBezTo>
                    <a:pt x="27280" y="28562"/>
                    <a:pt x="26441" y="31928"/>
                    <a:pt x="26441" y="37033"/>
                  </a:cubicBezTo>
                  <a:lnTo>
                    <a:pt x="26441" y="148654"/>
                  </a:lnTo>
                  <a:cubicBezTo>
                    <a:pt x="26441" y="153772"/>
                    <a:pt x="27318" y="157124"/>
                    <a:pt x="29096" y="158699"/>
                  </a:cubicBezTo>
                  <a:cubicBezTo>
                    <a:pt x="30848" y="160287"/>
                    <a:pt x="34379" y="161074"/>
                    <a:pt x="39675" y="161074"/>
                  </a:cubicBezTo>
                  <a:lnTo>
                    <a:pt x="146787" y="161074"/>
                  </a:lnTo>
                  <a:cubicBezTo>
                    <a:pt x="151892" y="161074"/>
                    <a:pt x="155207" y="160287"/>
                    <a:pt x="156705" y="158699"/>
                  </a:cubicBezTo>
                  <a:cubicBezTo>
                    <a:pt x="158191" y="157124"/>
                    <a:pt x="158953" y="153772"/>
                    <a:pt x="158953" y="148654"/>
                  </a:cubicBezTo>
                  <a:lnTo>
                    <a:pt x="158953" y="37033"/>
                  </a:lnTo>
                  <a:cubicBezTo>
                    <a:pt x="158953" y="31928"/>
                    <a:pt x="158153" y="28562"/>
                    <a:pt x="156566" y="26975"/>
                  </a:cubicBezTo>
                  <a:cubicBezTo>
                    <a:pt x="154978" y="25387"/>
                    <a:pt x="151625" y="24600"/>
                    <a:pt x="146520" y="24600"/>
                  </a:cubicBezTo>
                  <a:close/>
                  <a:moveTo>
                    <a:pt x="159741" y="0"/>
                  </a:moveTo>
                  <a:cubicBezTo>
                    <a:pt x="166967" y="0"/>
                    <a:pt x="173050" y="2527"/>
                    <a:pt x="177990" y="7544"/>
                  </a:cubicBezTo>
                  <a:cubicBezTo>
                    <a:pt x="182918" y="12573"/>
                    <a:pt x="185395" y="18694"/>
                    <a:pt x="185395" y="25921"/>
                  </a:cubicBezTo>
                  <a:lnTo>
                    <a:pt x="185395" y="159753"/>
                  </a:lnTo>
                  <a:cubicBezTo>
                    <a:pt x="185395" y="166992"/>
                    <a:pt x="182918" y="173101"/>
                    <a:pt x="177990" y="178143"/>
                  </a:cubicBezTo>
                  <a:cubicBezTo>
                    <a:pt x="173050" y="183159"/>
                    <a:pt x="166967" y="185674"/>
                    <a:pt x="159741" y="185674"/>
                  </a:cubicBezTo>
                  <a:lnTo>
                    <a:pt x="25654" y="185674"/>
                  </a:lnTo>
                  <a:cubicBezTo>
                    <a:pt x="22123" y="185674"/>
                    <a:pt x="18809" y="185014"/>
                    <a:pt x="15735" y="183680"/>
                  </a:cubicBezTo>
                  <a:cubicBezTo>
                    <a:pt x="12649" y="182372"/>
                    <a:pt x="9906" y="180505"/>
                    <a:pt x="7544" y="178143"/>
                  </a:cubicBezTo>
                  <a:cubicBezTo>
                    <a:pt x="5156" y="175755"/>
                    <a:pt x="3302" y="172987"/>
                    <a:pt x="1981" y="169812"/>
                  </a:cubicBezTo>
                  <a:cubicBezTo>
                    <a:pt x="660" y="166637"/>
                    <a:pt x="0" y="163284"/>
                    <a:pt x="0" y="159753"/>
                  </a:cubicBezTo>
                  <a:lnTo>
                    <a:pt x="0" y="25921"/>
                  </a:lnTo>
                  <a:cubicBezTo>
                    <a:pt x="0" y="22403"/>
                    <a:pt x="660" y="19050"/>
                    <a:pt x="1981" y="15875"/>
                  </a:cubicBezTo>
                  <a:cubicBezTo>
                    <a:pt x="3302" y="12700"/>
                    <a:pt x="5156" y="9931"/>
                    <a:pt x="7544" y="7544"/>
                  </a:cubicBezTo>
                  <a:cubicBezTo>
                    <a:pt x="9906" y="5169"/>
                    <a:pt x="12649" y="3315"/>
                    <a:pt x="15735" y="1994"/>
                  </a:cubicBezTo>
                  <a:cubicBezTo>
                    <a:pt x="18809" y="673"/>
                    <a:pt x="22123" y="0"/>
                    <a:pt x="25654" y="0"/>
                  </a:cubicBezTo>
                  <a:close/>
                </a:path>
              </a:pathLst>
            </a:custGeom>
            <a:solidFill>
              <a:srgbClr val="FFFFFF"/>
            </a:solidFill>
            <a:ln w="12700" cap="flat">
              <a:noFill/>
              <a:prstDash val="solid"/>
              <a:miter/>
            </a:ln>
          </p:spPr>
          <p:txBody>
            <a:bodyPr rtlCol="0" anchor="ctr"/>
            <a:lstStyle/>
            <a:p>
              <a:endParaRPr lang="da-DK"/>
            </a:p>
          </p:txBody>
        </p:sp>
        <p:sp>
          <p:nvSpPr>
            <p:cNvPr id="14" name="Kombinationstegning: figur 13">
              <a:extLst>
                <a:ext uri="{FF2B5EF4-FFF2-40B4-BE49-F238E27FC236}">
                  <a16:creationId xmlns:a16="http://schemas.microsoft.com/office/drawing/2014/main" id="{1AAAA3DE-8622-4363-A90C-ADC136EB038E}"/>
                </a:ext>
              </a:extLst>
            </p:cNvPr>
            <p:cNvSpPr/>
            <p:nvPr/>
          </p:nvSpPr>
          <p:spPr>
            <a:xfrm>
              <a:off x="720000" y="6172627"/>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sp>
          <p:nvSpPr>
            <p:cNvPr id="15" name="Kombinationstegning: figur 14">
              <a:extLst>
                <a:ext uri="{FF2B5EF4-FFF2-40B4-BE49-F238E27FC236}">
                  <a16:creationId xmlns:a16="http://schemas.microsoft.com/office/drawing/2014/main" id="{313AE3CF-4ED8-4747-B8D1-06EC8823DBFB}"/>
                </a:ext>
              </a:extLst>
            </p:cNvPr>
            <p:cNvSpPr/>
            <p:nvPr/>
          </p:nvSpPr>
          <p:spPr>
            <a:xfrm>
              <a:off x="909333" y="6170035"/>
              <a:ext cx="17318" cy="126449"/>
            </a:xfrm>
            <a:custGeom>
              <a:avLst/>
              <a:gdLst>
                <a:gd name="connsiteX0" fmla="*/ 3835 w 26441"/>
                <a:gd name="connsiteY0" fmla="*/ 3962 h 193065"/>
                <a:gd name="connsiteX1" fmla="*/ 13221 w 26441"/>
                <a:gd name="connsiteY1" fmla="*/ 0 h 193065"/>
                <a:gd name="connsiteX2" fmla="*/ 22492 w 26441"/>
                <a:gd name="connsiteY2" fmla="*/ 3962 h 193065"/>
                <a:gd name="connsiteX3" fmla="*/ 26441 w 26441"/>
                <a:gd name="connsiteY3" fmla="*/ 13221 h 193065"/>
                <a:gd name="connsiteX4" fmla="*/ 26441 w 26441"/>
                <a:gd name="connsiteY4" fmla="*/ 179845 h 193065"/>
                <a:gd name="connsiteX5" fmla="*/ 22492 w 26441"/>
                <a:gd name="connsiteY5" fmla="*/ 189090 h 193065"/>
                <a:gd name="connsiteX6" fmla="*/ 13221 w 26441"/>
                <a:gd name="connsiteY6" fmla="*/ 193065 h 193065"/>
                <a:gd name="connsiteX7" fmla="*/ 3835 w 26441"/>
                <a:gd name="connsiteY7" fmla="*/ 189090 h 193065"/>
                <a:gd name="connsiteX8" fmla="*/ 0 w 26441"/>
                <a:gd name="connsiteY8" fmla="*/ 179845 h 193065"/>
                <a:gd name="connsiteX9" fmla="*/ 0 w 26441"/>
                <a:gd name="connsiteY9" fmla="*/ 13221 h 193065"/>
                <a:gd name="connsiteX10" fmla="*/ 3835 w 26441"/>
                <a:gd name="connsiteY10" fmla="*/ 3962 h 193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441" h="193065">
                  <a:moveTo>
                    <a:pt x="3835" y="3962"/>
                  </a:moveTo>
                  <a:cubicBezTo>
                    <a:pt x="6388" y="1321"/>
                    <a:pt x="9525" y="0"/>
                    <a:pt x="13221" y="0"/>
                  </a:cubicBezTo>
                  <a:cubicBezTo>
                    <a:pt x="16751" y="0"/>
                    <a:pt x="19837" y="1321"/>
                    <a:pt x="22492" y="3962"/>
                  </a:cubicBezTo>
                  <a:cubicBezTo>
                    <a:pt x="25133" y="6604"/>
                    <a:pt x="26441" y="9690"/>
                    <a:pt x="26441" y="13221"/>
                  </a:cubicBezTo>
                  <a:lnTo>
                    <a:pt x="26441" y="179845"/>
                  </a:lnTo>
                  <a:cubicBezTo>
                    <a:pt x="26441" y="183363"/>
                    <a:pt x="25133" y="186449"/>
                    <a:pt x="22492" y="189090"/>
                  </a:cubicBezTo>
                  <a:cubicBezTo>
                    <a:pt x="19837" y="191732"/>
                    <a:pt x="16751" y="193065"/>
                    <a:pt x="13221" y="193065"/>
                  </a:cubicBezTo>
                  <a:cubicBezTo>
                    <a:pt x="9525" y="193065"/>
                    <a:pt x="6388" y="191732"/>
                    <a:pt x="3835" y="189090"/>
                  </a:cubicBezTo>
                  <a:cubicBezTo>
                    <a:pt x="1283" y="186449"/>
                    <a:pt x="0" y="183363"/>
                    <a:pt x="0" y="179845"/>
                  </a:cubicBezTo>
                  <a:lnTo>
                    <a:pt x="0" y="13221"/>
                  </a:lnTo>
                  <a:cubicBezTo>
                    <a:pt x="0" y="9690"/>
                    <a:pt x="1283" y="6604"/>
                    <a:pt x="3835" y="3962"/>
                  </a:cubicBezTo>
                </a:path>
              </a:pathLst>
            </a:custGeom>
            <a:solidFill>
              <a:srgbClr val="FFFFFF"/>
            </a:solidFill>
            <a:ln w="12700" cap="flat">
              <a:noFill/>
              <a:prstDash val="solid"/>
              <a:miter/>
            </a:ln>
          </p:spPr>
          <p:txBody>
            <a:bodyPr rtlCol="0" anchor="ctr"/>
            <a:lstStyle/>
            <a:p>
              <a:endParaRPr lang="da-DK"/>
            </a:p>
          </p:txBody>
        </p:sp>
        <p:sp>
          <p:nvSpPr>
            <p:cNvPr id="16" name="Kombinationstegning: figur 15">
              <a:extLst>
                <a:ext uri="{FF2B5EF4-FFF2-40B4-BE49-F238E27FC236}">
                  <a16:creationId xmlns:a16="http://schemas.microsoft.com/office/drawing/2014/main" id="{73B0F4A7-35A5-426A-B96B-F7A53FDD80FE}"/>
                </a:ext>
              </a:extLst>
            </p:cNvPr>
            <p:cNvSpPr/>
            <p:nvPr/>
          </p:nvSpPr>
          <p:spPr>
            <a:xfrm>
              <a:off x="983604" y="6172631"/>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17" name="Kombinationstegning: figur 16">
              <a:extLst>
                <a:ext uri="{FF2B5EF4-FFF2-40B4-BE49-F238E27FC236}">
                  <a16:creationId xmlns:a16="http://schemas.microsoft.com/office/drawing/2014/main" id="{1B78E339-689F-45F5-AA92-284D816AFAD2}"/>
                </a:ext>
              </a:extLst>
            </p:cNvPr>
            <p:cNvSpPr/>
            <p:nvPr/>
          </p:nvSpPr>
          <p:spPr>
            <a:xfrm>
              <a:off x="1174008" y="6172631"/>
              <a:ext cx="116576" cy="121250"/>
            </a:xfrm>
            <a:custGeom>
              <a:avLst/>
              <a:gdLst>
                <a:gd name="connsiteX0" fmla="*/ 139637 w 177990"/>
                <a:gd name="connsiteY0" fmla="*/ 102616 h 185127"/>
                <a:gd name="connsiteX1" fmla="*/ 29350 w 177990"/>
                <a:gd name="connsiteY1" fmla="*/ 102616 h 185127"/>
                <a:gd name="connsiteX2" fmla="*/ 26708 w 177990"/>
                <a:gd name="connsiteY2" fmla="*/ 103137 h 185127"/>
                <a:gd name="connsiteX3" fmla="*/ 26175 w 177990"/>
                <a:gd name="connsiteY3" fmla="*/ 105791 h 185127"/>
                <a:gd name="connsiteX4" fmla="*/ 26175 w 177990"/>
                <a:gd name="connsiteY4" fmla="*/ 157899 h 185127"/>
                <a:gd name="connsiteX5" fmla="*/ 26708 w 177990"/>
                <a:gd name="connsiteY5" fmla="*/ 160261 h 185127"/>
                <a:gd name="connsiteX6" fmla="*/ 29350 w 177990"/>
                <a:gd name="connsiteY6" fmla="*/ 160795 h 185127"/>
                <a:gd name="connsiteX7" fmla="*/ 139637 w 177990"/>
                <a:gd name="connsiteY7" fmla="*/ 160795 h 185127"/>
                <a:gd name="connsiteX8" fmla="*/ 149301 w 177990"/>
                <a:gd name="connsiteY8" fmla="*/ 158420 h 185127"/>
                <a:gd name="connsiteX9" fmla="*/ 151803 w 177990"/>
                <a:gd name="connsiteY9" fmla="*/ 148628 h 185127"/>
                <a:gd name="connsiteX10" fmla="*/ 151803 w 177990"/>
                <a:gd name="connsiteY10" fmla="*/ 114783 h 185127"/>
                <a:gd name="connsiteX11" fmla="*/ 149428 w 177990"/>
                <a:gd name="connsiteY11" fmla="*/ 104864 h 185127"/>
                <a:gd name="connsiteX12" fmla="*/ 139637 w 177990"/>
                <a:gd name="connsiteY12" fmla="*/ 102616 h 185127"/>
                <a:gd name="connsiteX13" fmla="*/ 139637 w 177990"/>
                <a:gd name="connsiteY13" fmla="*/ 78283 h 185127"/>
                <a:gd name="connsiteX14" fmla="*/ 149428 w 177990"/>
                <a:gd name="connsiteY14" fmla="*/ 76035 h 185127"/>
                <a:gd name="connsiteX15" fmla="*/ 151803 w 177990"/>
                <a:gd name="connsiteY15" fmla="*/ 66116 h 185127"/>
                <a:gd name="connsiteX16" fmla="*/ 151803 w 177990"/>
                <a:gd name="connsiteY16" fmla="*/ 36500 h 185127"/>
                <a:gd name="connsiteX17" fmla="*/ 149301 w 177990"/>
                <a:gd name="connsiteY17" fmla="*/ 26581 h 185127"/>
                <a:gd name="connsiteX18" fmla="*/ 139637 w 177990"/>
                <a:gd name="connsiteY18" fmla="*/ 24054 h 185127"/>
                <a:gd name="connsiteX19" fmla="*/ 29350 w 177990"/>
                <a:gd name="connsiteY19" fmla="*/ 24054 h 185127"/>
                <a:gd name="connsiteX20" fmla="*/ 26708 w 177990"/>
                <a:gd name="connsiteY20" fmla="*/ 24587 h 185127"/>
                <a:gd name="connsiteX21" fmla="*/ 26175 w 177990"/>
                <a:gd name="connsiteY21" fmla="*/ 27229 h 185127"/>
                <a:gd name="connsiteX22" fmla="*/ 26175 w 177990"/>
                <a:gd name="connsiteY22" fmla="*/ 75362 h 185127"/>
                <a:gd name="connsiteX23" fmla="*/ 26708 w 177990"/>
                <a:gd name="connsiteY23" fmla="*/ 77749 h 185127"/>
                <a:gd name="connsiteX24" fmla="*/ 29350 w 177990"/>
                <a:gd name="connsiteY24" fmla="*/ 78283 h 185127"/>
                <a:gd name="connsiteX25" fmla="*/ 177991 w 177990"/>
                <a:gd name="connsiteY25" fmla="*/ 121920 h 185127"/>
                <a:gd name="connsiteX26" fmla="*/ 177991 w 177990"/>
                <a:gd name="connsiteY26" fmla="*/ 153657 h 185127"/>
                <a:gd name="connsiteX27" fmla="*/ 170713 w 177990"/>
                <a:gd name="connsiteY27" fmla="*/ 177724 h 185127"/>
                <a:gd name="connsiteX28" fmla="*/ 146774 w 177990"/>
                <a:gd name="connsiteY28" fmla="*/ 185128 h 185127"/>
                <a:gd name="connsiteX29" fmla="*/ 4229 w 177990"/>
                <a:gd name="connsiteY29" fmla="*/ 185128 h 185127"/>
                <a:gd name="connsiteX30" fmla="*/ 0 w 177990"/>
                <a:gd name="connsiteY30" fmla="*/ 180899 h 185127"/>
                <a:gd name="connsiteX31" fmla="*/ 0 w 177990"/>
                <a:gd name="connsiteY31" fmla="*/ 4229 h 185127"/>
                <a:gd name="connsiteX32" fmla="*/ 4229 w 177990"/>
                <a:gd name="connsiteY32" fmla="*/ 0 h 185127"/>
                <a:gd name="connsiteX33" fmla="*/ 146774 w 177990"/>
                <a:gd name="connsiteY33" fmla="*/ 0 h 185127"/>
                <a:gd name="connsiteX34" fmla="*/ 170713 w 177990"/>
                <a:gd name="connsiteY34" fmla="*/ 7404 h 185127"/>
                <a:gd name="connsiteX35" fmla="*/ 177991 w 177990"/>
                <a:gd name="connsiteY35" fmla="*/ 31458 h 185127"/>
                <a:gd name="connsiteX36" fmla="*/ 177991 w 177990"/>
                <a:gd name="connsiteY36" fmla="*/ 58966 h 185127"/>
                <a:gd name="connsiteX37" fmla="*/ 170713 w 177990"/>
                <a:gd name="connsiteY37" fmla="*/ 83045 h 185127"/>
                <a:gd name="connsiteX38" fmla="*/ 146774 w 177990"/>
                <a:gd name="connsiteY38" fmla="*/ 90449 h 185127"/>
                <a:gd name="connsiteX39" fmla="*/ 170713 w 177990"/>
                <a:gd name="connsiteY39" fmla="*/ 97854 h 185127"/>
                <a:gd name="connsiteX40" fmla="*/ 177991 w 177990"/>
                <a:gd name="connsiteY40" fmla="*/ 12192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77990" h="185127">
                  <a:moveTo>
                    <a:pt x="139637" y="102616"/>
                  </a:moveTo>
                  <a:lnTo>
                    <a:pt x="29350" y="102616"/>
                  </a:lnTo>
                  <a:cubicBezTo>
                    <a:pt x="27940" y="102616"/>
                    <a:pt x="27064" y="102794"/>
                    <a:pt x="26708" y="103137"/>
                  </a:cubicBezTo>
                  <a:cubicBezTo>
                    <a:pt x="26352" y="103492"/>
                    <a:pt x="26175" y="104381"/>
                    <a:pt x="26175" y="105791"/>
                  </a:cubicBezTo>
                  <a:lnTo>
                    <a:pt x="26175" y="157899"/>
                  </a:lnTo>
                  <a:cubicBezTo>
                    <a:pt x="26175" y="159118"/>
                    <a:pt x="26352" y="159918"/>
                    <a:pt x="26708" y="160261"/>
                  </a:cubicBezTo>
                  <a:cubicBezTo>
                    <a:pt x="27064" y="160617"/>
                    <a:pt x="27940" y="160795"/>
                    <a:pt x="29350" y="160795"/>
                  </a:cubicBezTo>
                  <a:lnTo>
                    <a:pt x="139637" y="160795"/>
                  </a:lnTo>
                  <a:cubicBezTo>
                    <a:pt x="144399" y="160795"/>
                    <a:pt x="147612" y="160007"/>
                    <a:pt x="149301" y="158420"/>
                  </a:cubicBezTo>
                  <a:cubicBezTo>
                    <a:pt x="150978" y="156832"/>
                    <a:pt x="151803" y="153568"/>
                    <a:pt x="151803" y="148628"/>
                  </a:cubicBezTo>
                  <a:lnTo>
                    <a:pt x="151803" y="114783"/>
                  </a:lnTo>
                  <a:cubicBezTo>
                    <a:pt x="151803" y="109665"/>
                    <a:pt x="151016" y="106363"/>
                    <a:pt x="149428" y="104864"/>
                  </a:cubicBezTo>
                  <a:cubicBezTo>
                    <a:pt x="147841" y="103365"/>
                    <a:pt x="144577" y="102616"/>
                    <a:pt x="139637" y="102616"/>
                  </a:cubicBezTo>
                  <a:moveTo>
                    <a:pt x="139637" y="78283"/>
                  </a:moveTo>
                  <a:cubicBezTo>
                    <a:pt x="144577" y="78283"/>
                    <a:pt x="147841" y="77534"/>
                    <a:pt x="149428" y="76035"/>
                  </a:cubicBezTo>
                  <a:cubicBezTo>
                    <a:pt x="151016" y="74536"/>
                    <a:pt x="151803" y="71222"/>
                    <a:pt x="151803" y="66116"/>
                  </a:cubicBezTo>
                  <a:lnTo>
                    <a:pt x="151803" y="36500"/>
                  </a:lnTo>
                  <a:cubicBezTo>
                    <a:pt x="151803" y="31560"/>
                    <a:pt x="150978" y="28257"/>
                    <a:pt x="149301" y="26581"/>
                  </a:cubicBezTo>
                  <a:cubicBezTo>
                    <a:pt x="147612" y="24905"/>
                    <a:pt x="144399" y="24054"/>
                    <a:pt x="139637" y="24054"/>
                  </a:cubicBezTo>
                  <a:lnTo>
                    <a:pt x="29350" y="24054"/>
                  </a:lnTo>
                  <a:cubicBezTo>
                    <a:pt x="27940" y="24054"/>
                    <a:pt x="27064" y="24244"/>
                    <a:pt x="26708" y="24587"/>
                  </a:cubicBezTo>
                  <a:cubicBezTo>
                    <a:pt x="26352" y="24956"/>
                    <a:pt x="26175" y="25832"/>
                    <a:pt x="26175" y="27229"/>
                  </a:cubicBezTo>
                  <a:lnTo>
                    <a:pt x="26175" y="75362"/>
                  </a:lnTo>
                  <a:cubicBezTo>
                    <a:pt x="26175" y="76606"/>
                    <a:pt x="26352" y="77407"/>
                    <a:pt x="26708" y="77749"/>
                  </a:cubicBezTo>
                  <a:cubicBezTo>
                    <a:pt x="27064" y="78105"/>
                    <a:pt x="27940" y="78283"/>
                    <a:pt x="29350" y="78283"/>
                  </a:cubicBezTo>
                  <a:close/>
                  <a:moveTo>
                    <a:pt x="177991" y="121920"/>
                  </a:moveTo>
                  <a:lnTo>
                    <a:pt x="177991" y="153657"/>
                  </a:lnTo>
                  <a:cubicBezTo>
                    <a:pt x="177991" y="164770"/>
                    <a:pt x="175565" y="172784"/>
                    <a:pt x="170713" y="177724"/>
                  </a:cubicBezTo>
                  <a:cubicBezTo>
                    <a:pt x="165862" y="182664"/>
                    <a:pt x="157886" y="185128"/>
                    <a:pt x="146774" y="185128"/>
                  </a:cubicBezTo>
                  <a:lnTo>
                    <a:pt x="4229" y="185128"/>
                  </a:lnTo>
                  <a:cubicBezTo>
                    <a:pt x="1410" y="185128"/>
                    <a:pt x="0" y="183718"/>
                    <a:pt x="0" y="180899"/>
                  </a:cubicBezTo>
                  <a:lnTo>
                    <a:pt x="0" y="4229"/>
                  </a:lnTo>
                  <a:cubicBezTo>
                    <a:pt x="0" y="1410"/>
                    <a:pt x="1410" y="0"/>
                    <a:pt x="4229" y="0"/>
                  </a:cubicBezTo>
                  <a:lnTo>
                    <a:pt x="146774" y="0"/>
                  </a:lnTo>
                  <a:cubicBezTo>
                    <a:pt x="157886" y="0"/>
                    <a:pt x="165862" y="2464"/>
                    <a:pt x="170713" y="7404"/>
                  </a:cubicBezTo>
                  <a:cubicBezTo>
                    <a:pt x="175565" y="12344"/>
                    <a:pt x="177991" y="20358"/>
                    <a:pt x="177991" y="31458"/>
                  </a:cubicBezTo>
                  <a:lnTo>
                    <a:pt x="177991" y="58966"/>
                  </a:lnTo>
                  <a:cubicBezTo>
                    <a:pt x="177991" y="70079"/>
                    <a:pt x="175565" y="78105"/>
                    <a:pt x="170713" y="83045"/>
                  </a:cubicBezTo>
                  <a:cubicBezTo>
                    <a:pt x="165862" y="87986"/>
                    <a:pt x="157886" y="90449"/>
                    <a:pt x="146774" y="90449"/>
                  </a:cubicBezTo>
                  <a:cubicBezTo>
                    <a:pt x="157886" y="90449"/>
                    <a:pt x="165862" y="92913"/>
                    <a:pt x="170713" y="97854"/>
                  </a:cubicBezTo>
                  <a:cubicBezTo>
                    <a:pt x="175565" y="102794"/>
                    <a:pt x="177991" y="110820"/>
                    <a:pt x="177991" y="121920"/>
                  </a:cubicBezTo>
                </a:path>
              </a:pathLst>
            </a:custGeom>
            <a:solidFill>
              <a:srgbClr val="FFFFFF"/>
            </a:solidFill>
            <a:ln w="12700" cap="flat">
              <a:noFill/>
              <a:prstDash val="solid"/>
              <a:miter/>
            </a:ln>
          </p:spPr>
          <p:txBody>
            <a:bodyPr rtlCol="0" anchor="ctr"/>
            <a:lstStyle/>
            <a:p>
              <a:endParaRPr lang="da-DK"/>
            </a:p>
          </p:txBody>
        </p:sp>
        <p:sp>
          <p:nvSpPr>
            <p:cNvPr id="19" name="Kombinationstegning: figur 18">
              <a:extLst>
                <a:ext uri="{FF2B5EF4-FFF2-40B4-BE49-F238E27FC236}">
                  <a16:creationId xmlns:a16="http://schemas.microsoft.com/office/drawing/2014/main" id="{9A11139F-DB74-4D90-B632-A295C49AE596}"/>
                </a:ext>
              </a:extLst>
            </p:cNvPr>
            <p:cNvSpPr/>
            <p:nvPr/>
          </p:nvSpPr>
          <p:spPr>
            <a:xfrm>
              <a:off x="136090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21" name="Kombinationstegning: figur 20">
              <a:extLst>
                <a:ext uri="{FF2B5EF4-FFF2-40B4-BE49-F238E27FC236}">
                  <a16:creationId xmlns:a16="http://schemas.microsoft.com/office/drawing/2014/main" id="{E2C03D42-7D34-46AE-B897-3D6C6794CA6C}"/>
                </a:ext>
              </a:extLst>
            </p:cNvPr>
            <p:cNvSpPr/>
            <p:nvPr/>
          </p:nvSpPr>
          <p:spPr>
            <a:xfrm>
              <a:off x="1520271" y="6172797"/>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22" name="Kombinationstegning: figur 21">
              <a:extLst>
                <a:ext uri="{FF2B5EF4-FFF2-40B4-BE49-F238E27FC236}">
                  <a16:creationId xmlns:a16="http://schemas.microsoft.com/office/drawing/2014/main" id="{5C10496A-6134-4BCF-A102-A435646682EA}"/>
                </a:ext>
              </a:extLst>
            </p:cNvPr>
            <p:cNvSpPr/>
            <p:nvPr/>
          </p:nvSpPr>
          <p:spPr>
            <a:xfrm>
              <a:off x="169244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23" name="Kombinationstegning: figur 22">
              <a:extLst>
                <a:ext uri="{FF2B5EF4-FFF2-40B4-BE49-F238E27FC236}">
                  <a16:creationId xmlns:a16="http://schemas.microsoft.com/office/drawing/2014/main" id="{514961D2-21FB-457B-8DC1-7D871A2DB052}"/>
                </a:ext>
              </a:extLst>
            </p:cNvPr>
            <p:cNvSpPr/>
            <p:nvPr/>
          </p:nvSpPr>
          <p:spPr>
            <a:xfrm>
              <a:off x="1863931" y="6172631"/>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24" name="Kombinationstegning: figur 23">
              <a:extLst>
                <a:ext uri="{FF2B5EF4-FFF2-40B4-BE49-F238E27FC236}">
                  <a16:creationId xmlns:a16="http://schemas.microsoft.com/office/drawing/2014/main" id="{8055E933-AEAE-4B2A-9051-00BF949CF3B0}"/>
                </a:ext>
              </a:extLst>
            </p:cNvPr>
            <p:cNvSpPr/>
            <p:nvPr/>
          </p:nvSpPr>
          <p:spPr>
            <a:xfrm>
              <a:off x="842503" y="6394971"/>
              <a:ext cx="111385" cy="121259"/>
            </a:xfrm>
            <a:custGeom>
              <a:avLst/>
              <a:gdLst>
                <a:gd name="connsiteX0" fmla="*/ 156845 w 170065"/>
                <a:gd name="connsiteY0" fmla="*/ 161061 h 185140"/>
                <a:gd name="connsiteX1" fmla="*/ 166230 w 170065"/>
                <a:gd name="connsiteY1" fmla="*/ 164376 h 185140"/>
                <a:gd name="connsiteX2" fmla="*/ 170066 w 170065"/>
                <a:gd name="connsiteY2" fmla="*/ 173228 h 185140"/>
                <a:gd name="connsiteX3" fmla="*/ 166230 w 170065"/>
                <a:gd name="connsiteY3" fmla="*/ 181826 h 185140"/>
                <a:gd name="connsiteX4" fmla="*/ 156845 w 170065"/>
                <a:gd name="connsiteY4" fmla="*/ 185141 h 185140"/>
                <a:gd name="connsiteX5" fmla="*/ 31483 w 170065"/>
                <a:gd name="connsiteY5" fmla="*/ 185141 h 185140"/>
                <a:gd name="connsiteX6" fmla="*/ 7404 w 170065"/>
                <a:gd name="connsiteY6" fmla="*/ 177724 h 185140"/>
                <a:gd name="connsiteX7" fmla="*/ 0 w 170065"/>
                <a:gd name="connsiteY7" fmla="*/ 153657 h 185140"/>
                <a:gd name="connsiteX8" fmla="*/ 0 w 170065"/>
                <a:gd name="connsiteY8" fmla="*/ 31471 h 185140"/>
                <a:gd name="connsiteX9" fmla="*/ 7404 w 170065"/>
                <a:gd name="connsiteY9" fmla="*/ 7404 h 185140"/>
                <a:gd name="connsiteX10" fmla="*/ 31483 w 170065"/>
                <a:gd name="connsiteY10" fmla="*/ 0 h 185140"/>
                <a:gd name="connsiteX11" fmla="*/ 156845 w 170065"/>
                <a:gd name="connsiteY11" fmla="*/ 0 h 185140"/>
                <a:gd name="connsiteX12" fmla="*/ 166230 w 170065"/>
                <a:gd name="connsiteY12" fmla="*/ 3302 h 185140"/>
                <a:gd name="connsiteX13" fmla="*/ 170066 w 170065"/>
                <a:gd name="connsiteY13" fmla="*/ 12167 h 185140"/>
                <a:gd name="connsiteX14" fmla="*/ 166230 w 170065"/>
                <a:gd name="connsiteY14" fmla="*/ 20765 h 185140"/>
                <a:gd name="connsiteX15" fmla="*/ 156845 w 170065"/>
                <a:gd name="connsiteY15" fmla="*/ 24067 h 185140"/>
                <a:gd name="connsiteX16" fmla="*/ 39141 w 170065"/>
                <a:gd name="connsiteY16" fmla="*/ 24067 h 185140"/>
                <a:gd name="connsiteX17" fmla="*/ 29235 w 170065"/>
                <a:gd name="connsiteY17" fmla="*/ 26441 h 185140"/>
                <a:gd name="connsiteX18" fmla="*/ 26975 w 170065"/>
                <a:gd name="connsiteY18" fmla="*/ 36500 h 185140"/>
                <a:gd name="connsiteX19" fmla="*/ 26975 w 170065"/>
                <a:gd name="connsiteY19" fmla="*/ 148908 h 185140"/>
                <a:gd name="connsiteX20" fmla="*/ 29235 w 170065"/>
                <a:gd name="connsiteY20" fmla="*/ 158814 h 185140"/>
                <a:gd name="connsiteX21" fmla="*/ 39141 w 170065"/>
                <a:gd name="connsiteY21" fmla="*/ 16106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70065" h="185140">
                  <a:moveTo>
                    <a:pt x="156845" y="161061"/>
                  </a:moveTo>
                  <a:cubicBezTo>
                    <a:pt x="160541" y="161061"/>
                    <a:pt x="163665" y="162166"/>
                    <a:pt x="166230" y="164376"/>
                  </a:cubicBezTo>
                  <a:cubicBezTo>
                    <a:pt x="168783" y="166586"/>
                    <a:pt x="170066" y="169532"/>
                    <a:pt x="170066" y="173228"/>
                  </a:cubicBezTo>
                  <a:cubicBezTo>
                    <a:pt x="170066" y="176759"/>
                    <a:pt x="168783" y="179629"/>
                    <a:pt x="166230" y="181826"/>
                  </a:cubicBezTo>
                  <a:cubicBezTo>
                    <a:pt x="163665" y="184036"/>
                    <a:pt x="160541" y="185141"/>
                    <a:pt x="156845" y="185141"/>
                  </a:cubicBezTo>
                  <a:lnTo>
                    <a:pt x="31483" y="185141"/>
                  </a:lnTo>
                  <a:cubicBezTo>
                    <a:pt x="20371" y="185141"/>
                    <a:pt x="12344" y="182664"/>
                    <a:pt x="7404" y="177724"/>
                  </a:cubicBezTo>
                  <a:cubicBezTo>
                    <a:pt x="2477" y="172796"/>
                    <a:pt x="0" y="164770"/>
                    <a:pt x="0" y="153657"/>
                  </a:cubicBezTo>
                  <a:lnTo>
                    <a:pt x="0" y="31471"/>
                  </a:lnTo>
                  <a:cubicBezTo>
                    <a:pt x="0" y="20371"/>
                    <a:pt x="2477" y="12344"/>
                    <a:pt x="7404" y="7404"/>
                  </a:cubicBezTo>
                  <a:cubicBezTo>
                    <a:pt x="12344" y="2476"/>
                    <a:pt x="20371" y="0"/>
                    <a:pt x="31483" y="0"/>
                  </a:cubicBezTo>
                  <a:lnTo>
                    <a:pt x="156845" y="0"/>
                  </a:lnTo>
                  <a:cubicBezTo>
                    <a:pt x="160541" y="0"/>
                    <a:pt x="163665" y="1105"/>
                    <a:pt x="166230" y="3302"/>
                  </a:cubicBezTo>
                  <a:cubicBezTo>
                    <a:pt x="168783" y="5512"/>
                    <a:pt x="170066" y="8458"/>
                    <a:pt x="170066" y="12167"/>
                  </a:cubicBezTo>
                  <a:cubicBezTo>
                    <a:pt x="170066" y="15697"/>
                    <a:pt x="168783" y="18555"/>
                    <a:pt x="166230" y="20765"/>
                  </a:cubicBezTo>
                  <a:cubicBezTo>
                    <a:pt x="163665" y="22974"/>
                    <a:pt x="160541" y="24067"/>
                    <a:pt x="156845" y="24067"/>
                  </a:cubicBezTo>
                  <a:lnTo>
                    <a:pt x="39141" y="24067"/>
                  </a:lnTo>
                  <a:cubicBezTo>
                    <a:pt x="34036" y="24067"/>
                    <a:pt x="30721" y="24854"/>
                    <a:pt x="29235" y="26441"/>
                  </a:cubicBezTo>
                  <a:cubicBezTo>
                    <a:pt x="27737" y="28029"/>
                    <a:pt x="26975" y="31382"/>
                    <a:pt x="26975" y="36500"/>
                  </a:cubicBezTo>
                  <a:lnTo>
                    <a:pt x="26975" y="148908"/>
                  </a:lnTo>
                  <a:cubicBezTo>
                    <a:pt x="26975" y="154013"/>
                    <a:pt x="27737" y="157328"/>
                    <a:pt x="29235" y="158814"/>
                  </a:cubicBezTo>
                  <a:cubicBezTo>
                    <a:pt x="30721" y="160312"/>
                    <a:pt x="34036" y="161061"/>
                    <a:pt x="39141" y="161061"/>
                  </a:cubicBezTo>
                  <a:close/>
                </a:path>
              </a:pathLst>
            </a:custGeom>
            <a:solidFill>
              <a:srgbClr val="FFFFFF"/>
            </a:solidFill>
            <a:ln w="12700" cap="flat">
              <a:noFill/>
              <a:prstDash val="solid"/>
              <a:miter/>
            </a:ln>
          </p:spPr>
          <p:txBody>
            <a:bodyPr rtlCol="0" anchor="ctr"/>
            <a:lstStyle/>
            <a:p>
              <a:endParaRPr lang="da-DK"/>
            </a:p>
          </p:txBody>
        </p:sp>
        <p:sp>
          <p:nvSpPr>
            <p:cNvPr id="25" name="Kombinationstegning: figur 24">
              <a:extLst>
                <a:ext uri="{FF2B5EF4-FFF2-40B4-BE49-F238E27FC236}">
                  <a16:creationId xmlns:a16="http://schemas.microsoft.com/office/drawing/2014/main" id="{7CC07896-F064-4C51-9670-A48A43B9B800}"/>
                </a:ext>
              </a:extLst>
            </p:cNvPr>
            <p:cNvSpPr/>
            <p:nvPr/>
          </p:nvSpPr>
          <p:spPr>
            <a:xfrm>
              <a:off x="101970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26" name="Kombinationstegning: figur 25">
              <a:extLst>
                <a:ext uri="{FF2B5EF4-FFF2-40B4-BE49-F238E27FC236}">
                  <a16:creationId xmlns:a16="http://schemas.microsoft.com/office/drawing/2014/main" id="{3E9DCFF6-42A2-4CB0-A70E-0D9E7570F672}"/>
                </a:ext>
              </a:extLst>
            </p:cNvPr>
            <p:cNvSpPr/>
            <p:nvPr/>
          </p:nvSpPr>
          <p:spPr>
            <a:xfrm>
              <a:off x="1202798" y="6392370"/>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27" name="Kombinationstegning: figur 26">
              <a:extLst>
                <a:ext uri="{FF2B5EF4-FFF2-40B4-BE49-F238E27FC236}">
                  <a16:creationId xmlns:a16="http://schemas.microsoft.com/office/drawing/2014/main" id="{66F8EB59-D474-4107-A9FF-4D0C188E1D80}"/>
                </a:ext>
              </a:extLst>
            </p:cNvPr>
            <p:cNvSpPr/>
            <p:nvPr/>
          </p:nvSpPr>
          <p:spPr>
            <a:xfrm>
              <a:off x="1374983" y="6395140"/>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28" name="Kombinationstegning: figur 27">
              <a:extLst>
                <a:ext uri="{FF2B5EF4-FFF2-40B4-BE49-F238E27FC236}">
                  <a16:creationId xmlns:a16="http://schemas.microsoft.com/office/drawing/2014/main" id="{7ABF108B-B3BA-45E4-9C2C-5A4C6CF7299C}"/>
                </a:ext>
              </a:extLst>
            </p:cNvPr>
            <p:cNvSpPr/>
            <p:nvPr/>
          </p:nvSpPr>
          <p:spPr>
            <a:xfrm>
              <a:off x="155062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29" name="Kombinationstegning: figur 28">
              <a:extLst>
                <a:ext uri="{FF2B5EF4-FFF2-40B4-BE49-F238E27FC236}">
                  <a16:creationId xmlns:a16="http://schemas.microsoft.com/office/drawing/2014/main" id="{677283A0-A857-4683-829A-5A4B42B3E907}"/>
                </a:ext>
              </a:extLst>
            </p:cNvPr>
            <p:cNvSpPr/>
            <p:nvPr/>
          </p:nvSpPr>
          <p:spPr>
            <a:xfrm>
              <a:off x="1737870" y="6394971"/>
              <a:ext cx="119627" cy="124127"/>
            </a:xfrm>
            <a:custGeom>
              <a:avLst/>
              <a:gdLst>
                <a:gd name="connsiteX0" fmla="*/ 141503 w 182648"/>
                <a:gd name="connsiteY0" fmla="*/ 81191 h 189519"/>
                <a:gd name="connsiteX1" fmla="*/ 151295 w 182648"/>
                <a:gd name="connsiteY1" fmla="*/ 78943 h 189519"/>
                <a:gd name="connsiteX2" fmla="*/ 153670 w 182648"/>
                <a:gd name="connsiteY2" fmla="*/ 69037 h 189519"/>
                <a:gd name="connsiteX3" fmla="*/ 153670 w 182648"/>
                <a:gd name="connsiteY3" fmla="*/ 37021 h 189519"/>
                <a:gd name="connsiteX4" fmla="*/ 151155 w 182648"/>
                <a:gd name="connsiteY4" fmla="*/ 26975 h 189519"/>
                <a:gd name="connsiteX5" fmla="*/ 141503 w 182648"/>
                <a:gd name="connsiteY5" fmla="*/ 24600 h 189519"/>
                <a:gd name="connsiteX6" fmla="*/ 29616 w 182648"/>
                <a:gd name="connsiteY6" fmla="*/ 24600 h 189519"/>
                <a:gd name="connsiteX7" fmla="*/ 26975 w 182648"/>
                <a:gd name="connsiteY7" fmla="*/ 25133 h 189519"/>
                <a:gd name="connsiteX8" fmla="*/ 26441 w 182648"/>
                <a:gd name="connsiteY8" fmla="*/ 27508 h 189519"/>
                <a:gd name="connsiteX9" fmla="*/ 26975 w 182648"/>
                <a:gd name="connsiteY9" fmla="*/ 78029 h 189519"/>
                <a:gd name="connsiteX10" fmla="*/ 27508 w 182648"/>
                <a:gd name="connsiteY10" fmla="*/ 80404 h 189519"/>
                <a:gd name="connsiteX11" fmla="*/ 30150 w 182648"/>
                <a:gd name="connsiteY11" fmla="*/ 80924 h 189519"/>
                <a:gd name="connsiteX12" fmla="*/ 99187 w 182648"/>
                <a:gd name="connsiteY12" fmla="*/ 105791 h 189519"/>
                <a:gd name="connsiteX13" fmla="*/ 30150 w 182648"/>
                <a:gd name="connsiteY13" fmla="*/ 105791 h 189519"/>
                <a:gd name="connsiteX14" fmla="*/ 27508 w 182648"/>
                <a:gd name="connsiteY14" fmla="*/ 106324 h 189519"/>
                <a:gd name="connsiteX15" fmla="*/ 26975 w 182648"/>
                <a:gd name="connsiteY15" fmla="*/ 108979 h 189519"/>
                <a:gd name="connsiteX16" fmla="*/ 26441 w 182648"/>
                <a:gd name="connsiteY16" fmla="*/ 175882 h 189519"/>
                <a:gd name="connsiteX17" fmla="*/ 22619 w 182648"/>
                <a:gd name="connsiteY17" fmla="*/ 185141 h 189519"/>
                <a:gd name="connsiteX18" fmla="*/ 13221 w 182648"/>
                <a:gd name="connsiteY18" fmla="*/ 189103 h 189519"/>
                <a:gd name="connsiteX19" fmla="*/ 3835 w 182648"/>
                <a:gd name="connsiteY19" fmla="*/ 185141 h 189519"/>
                <a:gd name="connsiteX20" fmla="*/ 0 w 182648"/>
                <a:gd name="connsiteY20" fmla="*/ 175882 h 189519"/>
                <a:gd name="connsiteX21" fmla="*/ 0 w 182648"/>
                <a:gd name="connsiteY21" fmla="*/ 4229 h 189519"/>
                <a:gd name="connsiteX22" fmla="*/ 4229 w 182648"/>
                <a:gd name="connsiteY22" fmla="*/ 0 h 189519"/>
                <a:gd name="connsiteX23" fmla="*/ 148374 w 182648"/>
                <a:gd name="connsiteY23" fmla="*/ 0 h 189519"/>
                <a:gd name="connsiteX24" fmla="*/ 172847 w 182648"/>
                <a:gd name="connsiteY24" fmla="*/ 7544 h 189519"/>
                <a:gd name="connsiteX25" fmla="*/ 180378 w 182648"/>
                <a:gd name="connsiteY25" fmla="*/ 32004 h 189519"/>
                <a:gd name="connsiteX26" fmla="*/ 180378 w 182648"/>
                <a:gd name="connsiteY26" fmla="*/ 74054 h 189519"/>
                <a:gd name="connsiteX27" fmla="*/ 172847 w 182648"/>
                <a:gd name="connsiteY27" fmla="*/ 98260 h 189519"/>
                <a:gd name="connsiteX28" fmla="*/ 148374 w 182648"/>
                <a:gd name="connsiteY28" fmla="*/ 105791 h 189519"/>
                <a:gd name="connsiteX29" fmla="*/ 137262 w 182648"/>
                <a:gd name="connsiteY29" fmla="*/ 105791 h 189519"/>
                <a:gd name="connsiteX30" fmla="*/ 135420 w 182648"/>
                <a:gd name="connsiteY30" fmla="*/ 107645 h 189519"/>
                <a:gd name="connsiteX31" fmla="*/ 136474 w 182648"/>
                <a:gd name="connsiteY31" fmla="*/ 109233 h 189519"/>
                <a:gd name="connsiteX32" fmla="*/ 179857 w 182648"/>
                <a:gd name="connsiteY32" fmla="*/ 168212 h 189519"/>
                <a:gd name="connsiteX33" fmla="*/ 182499 w 182648"/>
                <a:gd name="connsiteY33" fmla="*/ 177991 h 189519"/>
                <a:gd name="connsiteX34" fmla="*/ 177203 w 182648"/>
                <a:gd name="connsiteY34" fmla="*/ 186728 h 189519"/>
                <a:gd name="connsiteX35" fmla="*/ 167284 w 182648"/>
                <a:gd name="connsiteY35" fmla="*/ 189370 h 189519"/>
                <a:gd name="connsiteX36" fmla="*/ 158699 w 182648"/>
                <a:gd name="connsiteY36" fmla="*/ 184087 h 189519"/>
                <a:gd name="connsiteX37" fmla="*/ 102362 w 182648"/>
                <a:gd name="connsiteY37" fmla="*/ 107912 h 189519"/>
                <a:gd name="connsiteX38" fmla="*/ 99187 w 182648"/>
                <a:gd name="connsiteY38" fmla="*/ 105791 h 1895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82648" h="189519">
                  <a:moveTo>
                    <a:pt x="141503" y="81191"/>
                  </a:moveTo>
                  <a:cubicBezTo>
                    <a:pt x="146444" y="81191"/>
                    <a:pt x="149708" y="80442"/>
                    <a:pt x="151295" y="78943"/>
                  </a:cubicBezTo>
                  <a:cubicBezTo>
                    <a:pt x="152883" y="77457"/>
                    <a:pt x="153670" y="74143"/>
                    <a:pt x="153670" y="69037"/>
                  </a:cubicBezTo>
                  <a:lnTo>
                    <a:pt x="153670" y="37021"/>
                  </a:lnTo>
                  <a:cubicBezTo>
                    <a:pt x="153670" y="31915"/>
                    <a:pt x="152832" y="28562"/>
                    <a:pt x="151155" y="26975"/>
                  </a:cubicBezTo>
                  <a:cubicBezTo>
                    <a:pt x="149479" y="25387"/>
                    <a:pt x="146266" y="24600"/>
                    <a:pt x="141503" y="24600"/>
                  </a:cubicBezTo>
                  <a:lnTo>
                    <a:pt x="29616" y="24600"/>
                  </a:lnTo>
                  <a:cubicBezTo>
                    <a:pt x="28207" y="24600"/>
                    <a:pt x="27330" y="24778"/>
                    <a:pt x="26975" y="25133"/>
                  </a:cubicBezTo>
                  <a:cubicBezTo>
                    <a:pt x="26619" y="25476"/>
                    <a:pt x="26441" y="26276"/>
                    <a:pt x="26441" y="27508"/>
                  </a:cubicBezTo>
                  <a:cubicBezTo>
                    <a:pt x="26810" y="61354"/>
                    <a:pt x="26975" y="78207"/>
                    <a:pt x="26975" y="78029"/>
                  </a:cubicBezTo>
                  <a:cubicBezTo>
                    <a:pt x="26975" y="79261"/>
                    <a:pt x="27153" y="80048"/>
                    <a:pt x="27508" y="80404"/>
                  </a:cubicBezTo>
                  <a:cubicBezTo>
                    <a:pt x="27864" y="80759"/>
                    <a:pt x="28740" y="80924"/>
                    <a:pt x="30150" y="80924"/>
                  </a:cubicBezTo>
                  <a:close/>
                  <a:moveTo>
                    <a:pt x="99187" y="105791"/>
                  </a:moveTo>
                  <a:lnTo>
                    <a:pt x="30150" y="105791"/>
                  </a:lnTo>
                  <a:cubicBezTo>
                    <a:pt x="28740" y="105791"/>
                    <a:pt x="27864" y="105969"/>
                    <a:pt x="27508" y="106324"/>
                  </a:cubicBezTo>
                  <a:cubicBezTo>
                    <a:pt x="27153" y="106680"/>
                    <a:pt x="26975" y="107556"/>
                    <a:pt x="26975" y="108979"/>
                  </a:cubicBezTo>
                  <a:lnTo>
                    <a:pt x="26441" y="175882"/>
                  </a:lnTo>
                  <a:cubicBezTo>
                    <a:pt x="26441" y="179400"/>
                    <a:pt x="25171" y="182499"/>
                    <a:pt x="22619" y="185141"/>
                  </a:cubicBezTo>
                  <a:cubicBezTo>
                    <a:pt x="20053" y="187782"/>
                    <a:pt x="16929" y="189103"/>
                    <a:pt x="13221" y="189103"/>
                  </a:cubicBezTo>
                  <a:cubicBezTo>
                    <a:pt x="9525" y="189103"/>
                    <a:pt x="6388" y="187782"/>
                    <a:pt x="3835" y="185141"/>
                  </a:cubicBezTo>
                  <a:cubicBezTo>
                    <a:pt x="1283" y="182499"/>
                    <a:pt x="0" y="179400"/>
                    <a:pt x="0" y="175882"/>
                  </a:cubicBezTo>
                  <a:lnTo>
                    <a:pt x="0" y="4229"/>
                  </a:lnTo>
                  <a:cubicBezTo>
                    <a:pt x="0" y="1422"/>
                    <a:pt x="1422" y="0"/>
                    <a:pt x="4229" y="0"/>
                  </a:cubicBezTo>
                  <a:lnTo>
                    <a:pt x="148374" y="0"/>
                  </a:lnTo>
                  <a:cubicBezTo>
                    <a:pt x="159664" y="0"/>
                    <a:pt x="167805" y="2515"/>
                    <a:pt x="172847" y="7544"/>
                  </a:cubicBezTo>
                  <a:cubicBezTo>
                    <a:pt x="177864" y="12573"/>
                    <a:pt x="180378" y="20714"/>
                    <a:pt x="180378" y="32004"/>
                  </a:cubicBezTo>
                  <a:lnTo>
                    <a:pt x="180378" y="74054"/>
                  </a:lnTo>
                  <a:cubicBezTo>
                    <a:pt x="180378" y="85154"/>
                    <a:pt x="177864" y="93231"/>
                    <a:pt x="172847" y="98260"/>
                  </a:cubicBezTo>
                  <a:cubicBezTo>
                    <a:pt x="167805" y="103276"/>
                    <a:pt x="159664" y="105791"/>
                    <a:pt x="148374" y="105791"/>
                  </a:cubicBezTo>
                  <a:lnTo>
                    <a:pt x="137262" y="105791"/>
                  </a:lnTo>
                  <a:cubicBezTo>
                    <a:pt x="135687" y="105791"/>
                    <a:pt x="135065" y="106413"/>
                    <a:pt x="135420" y="107645"/>
                  </a:cubicBezTo>
                  <a:cubicBezTo>
                    <a:pt x="135585" y="108179"/>
                    <a:pt x="135954" y="108699"/>
                    <a:pt x="136474" y="109233"/>
                  </a:cubicBezTo>
                  <a:lnTo>
                    <a:pt x="179857" y="168212"/>
                  </a:lnTo>
                  <a:cubicBezTo>
                    <a:pt x="182131" y="171209"/>
                    <a:pt x="183032" y="174473"/>
                    <a:pt x="182499" y="177991"/>
                  </a:cubicBezTo>
                  <a:cubicBezTo>
                    <a:pt x="181966" y="181521"/>
                    <a:pt x="180200" y="184429"/>
                    <a:pt x="177203" y="186728"/>
                  </a:cubicBezTo>
                  <a:cubicBezTo>
                    <a:pt x="174206" y="189014"/>
                    <a:pt x="170891" y="189903"/>
                    <a:pt x="167284" y="189370"/>
                  </a:cubicBezTo>
                  <a:cubicBezTo>
                    <a:pt x="163665" y="188849"/>
                    <a:pt x="160807" y="187071"/>
                    <a:pt x="158699" y="184087"/>
                  </a:cubicBezTo>
                  <a:cubicBezTo>
                    <a:pt x="121310" y="133477"/>
                    <a:pt x="102540" y="108090"/>
                    <a:pt x="102362" y="107912"/>
                  </a:cubicBezTo>
                  <a:cubicBezTo>
                    <a:pt x="101473" y="106502"/>
                    <a:pt x="100419" y="105791"/>
                    <a:pt x="99187" y="105791"/>
                  </a:cubicBezTo>
                </a:path>
              </a:pathLst>
            </a:custGeom>
            <a:solidFill>
              <a:srgbClr val="FFFFFF"/>
            </a:solidFill>
            <a:ln w="12700" cap="flat">
              <a:noFill/>
              <a:prstDash val="solid"/>
              <a:miter/>
            </a:ln>
          </p:spPr>
          <p:txBody>
            <a:bodyPr rtlCol="0" anchor="ctr"/>
            <a:lstStyle/>
            <a:p>
              <a:endParaRPr lang="da-DK"/>
            </a:p>
          </p:txBody>
        </p:sp>
        <p:sp>
          <p:nvSpPr>
            <p:cNvPr id="30" name="Kombinationstegning: figur 29">
              <a:extLst>
                <a:ext uri="{FF2B5EF4-FFF2-40B4-BE49-F238E27FC236}">
                  <a16:creationId xmlns:a16="http://schemas.microsoft.com/office/drawing/2014/main" id="{1534AFA6-8EE0-4417-9A19-C1EC1D9DEC9C}"/>
                </a:ext>
              </a:extLst>
            </p:cNvPr>
            <p:cNvSpPr/>
            <p:nvPr/>
          </p:nvSpPr>
          <p:spPr>
            <a:xfrm>
              <a:off x="721296" y="6617317"/>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31" name="Kombinationstegning: figur 30">
              <a:extLst>
                <a:ext uri="{FF2B5EF4-FFF2-40B4-BE49-F238E27FC236}">
                  <a16:creationId xmlns:a16="http://schemas.microsoft.com/office/drawing/2014/main" id="{2654C4DD-5658-47E9-A653-6B23D05A1D88}"/>
                </a:ext>
              </a:extLst>
            </p:cNvPr>
            <p:cNvSpPr/>
            <p:nvPr/>
          </p:nvSpPr>
          <p:spPr>
            <a:xfrm>
              <a:off x="889975" y="6614547"/>
              <a:ext cx="39191" cy="150156"/>
            </a:xfrm>
            <a:custGeom>
              <a:avLst/>
              <a:gdLst>
                <a:gd name="connsiteX0" fmla="*/ 33396 w 59837"/>
                <a:gd name="connsiteY0" fmla="*/ 13221 h 229260"/>
                <a:gd name="connsiteX1" fmla="*/ 37231 w 59837"/>
                <a:gd name="connsiteY1" fmla="*/ 3835 h 229260"/>
                <a:gd name="connsiteX2" fmla="*/ 46617 w 59837"/>
                <a:gd name="connsiteY2" fmla="*/ 0 h 229260"/>
                <a:gd name="connsiteX3" fmla="*/ 55875 w 59837"/>
                <a:gd name="connsiteY3" fmla="*/ 3835 h 229260"/>
                <a:gd name="connsiteX4" fmla="*/ 59837 w 59837"/>
                <a:gd name="connsiteY4" fmla="*/ 13221 h 229260"/>
                <a:gd name="connsiteX5" fmla="*/ 59837 w 59837"/>
                <a:gd name="connsiteY5" fmla="*/ 163436 h 229260"/>
                <a:gd name="connsiteX6" fmla="*/ 56535 w 59837"/>
                <a:gd name="connsiteY6" fmla="*/ 179311 h 229260"/>
                <a:gd name="connsiteX7" fmla="*/ 47671 w 59837"/>
                <a:gd name="connsiteY7" fmla="*/ 194120 h 229260"/>
                <a:gd name="connsiteX8" fmla="*/ 47950 w 59837"/>
                <a:gd name="connsiteY8" fmla="*/ 193866 h 229260"/>
                <a:gd name="connsiteX9" fmla="*/ 23871 w 59837"/>
                <a:gd name="connsiteY9" fmla="*/ 224015 h 229260"/>
                <a:gd name="connsiteX10" fmla="*/ 14879 w 59837"/>
                <a:gd name="connsiteY10" fmla="*/ 229159 h 229260"/>
                <a:gd name="connsiteX11" fmla="*/ 5088 w 59837"/>
                <a:gd name="connsiteY11" fmla="*/ 226124 h 229260"/>
                <a:gd name="connsiteX12" fmla="*/ 71 w 59837"/>
                <a:gd name="connsiteY12" fmla="*/ 217259 h 229260"/>
                <a:gd name="connsiteX13" fmla="*/ 2967 w 59837"/>
                <a:gd name="connsiteY13" fmla="*/ 207607 h 229260"/>
                <a:gd name="connsiteX14" fmla="*/ 27313 w 59837"/>
                <a:gd name="connsiteY14" fmla="*/ 177190 h 229260"/>
                <a:gd name="connsiteX15" fmla="*/ 27579 w 59837"/>
                <a:gd name="connsiteY15" fmla="*/ 176936 h 229260"/>
                <a:gd name="connsiteX16" fmla="*/ 31936 w 59837"/>
                <a:gd name="connsiteY16" fmla="*/ 169647 h 229260"/>
                <a:gd name="connsiteX17" fmla="*/ 33396 w 59837"/>
                <a:gd name="connsiteY17" fmla="*/ 163436 h 229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9837" h="229260">
                  <a:moveTo>
                    <a:pt x="33396" y="13221"/>
                  </a:moveTo>
                  <a:cubicBezTo>
                    <a:pt x="33396" y="9512"/>
                    <a:pt x="34679" y="6388"/>
                    <a:pt x="37231" y="3835"/>
                  </a:cubicBezTo>
                  <a:cubicBezTo>
                    <a:pt x="39784" y="1283"/>
                    <a:pt x="42908" y="0"/>
                    <a:pt x="46617" y="0"/>
                  </a:cubicBezTo>
                  <a:cubicBezTo>
                    <a:pt x="50135" y="0"/>
                    <a:pt x="53233" y="1283"/>
                    <a:pt x="55875" y="3835"/>
                  </a:cubicBezTo>
                  <a:cubicBezTo>
                    <a:pt x="58529" y="6388"/>
                    <a:pt x="59837" y="9512"/>
                    <a:pt x="59837" y="13221"/>
                  </a:cubicBezTo>
                  <a:lnTo>
                    <a:pt x="59837" y="163436"/>
                  </a:lnTo>
                  <a:cubicBezTo>
                    <a:pt x="59837" y="168554"/>
                    <a:pt x="58733" y="173838"/>
                    <a:pt x="56535" y="179311"/>
                  </a:cubicBezTo>
                  <a:cubicBezTo>
                    <a:pt x="54326" y="184772"/>
                    <a:pt x="51379" y="189700"/>
                    <a:pt x="47671" y="194120"/>
                  </a:cubicBezTo>
                  <a:lnTo>
                    <a:pt x="47950" y="193866"/>
                  </a:lnTo>
                  <a:lnTo>
                    <a:pt x="23871" y="224015"/>
                  </a:lnTo>
                  <a:cubicBezTo>
                    <a:pt x="21407" y="227000"/>
                    <a:pt x="18397" y="228727"/>
                    <a:pt x="14879" y="229159"/>
                  </a:cubicBezTo>
                  <a:cubicBezTo>
                    <a:pt x="11349" y="229603"/>
                    <a:pt x="8098" y="228587"/>
                    <a:pt x="5088" y="226124"/>
                  </a:cubicBezTo>
                  <a:cubicBezTo>
                    <a:pt x="2091" y="223825"/>
                    <a:pt x="414" y="220878"/>
                    <a:pt x="71" y="217259"/>
                  </a:cubicBezTo>
                  <a:cubicBezTo>
                    <a:pt x="-284" y="213639"/>
                    <a:pt x="694" y="210426"/>
                    <a:pt x="2967" y="207607"/>
                  </a:cubicBezTo>
                  <a:lnTo>
                    <a:pt x="27313" y="177190"/>
                  </a:lnTo>
                  <a:lnTo>
                    <a:pt x="27579" y="176936"/>
                  </a:lnTo>
                  <a:cubicBezTo>
                    <a:pt x="29510" y="174638"/>
                    <a:pt x="30970" y="172225"/>
                    <a:pt x="31936" y="169647"/>
                  </a:cubicBezTo>
                  <a:cubicBezTo>
                    <a:pt x="32901" y="167094"/>
                    <a:pt x="33396" y="165024"/>
                    <a:pt x="33396" y="163436"/>
                  </a:cubicBezTo>
                  <a:close/>
                </a:path>
              </a:pathLst>
            </a:custGeom>
            <a:solidFill>
              <a:srgbClr val="FFFFFF"/>
            </a:solidFill>
            <a:ln w="12700" cap="flat">
              <a:noFill/>
              <a:prstDash val="solid"/>
              <a:miter/>
            </a:ln>
          </p:spPr>
          <p:txBody>
            <a:bodyPr rtlCol="0" anchor="ctr"/>
            <a:lstStyle/>
            <a:p>
              <a:endParaRPr lang="da-DK"/>
            </a:p>
          </p:txBody>
        </p:sp>
        <p:sp>
          <p:nvSpPr>
            <p:cNvPr id="32" name="Kombinationstegning: figur 31">
              <a:extLst>
                <a:ext uri="{FF2B5EF4-FFF2-40B4-BE49-F238E27FC236}">
                  <a16:creationId xmlns:a16="http://schemas.microsoft.com/office/drawing/2014/main" id="{814B059C-65C4-4EE3-AFFB-1B43EB962D3E}"/>
                </a:ext>
              </a:extLst>
            </p:cNvPr>
            <p:cNvSpPr/>
            <p:nvPr/>
          </p:nvSpPr>
          <p:spPr>
            <a:xfrm>
              <a:off x="975966" y="6617314"/>
              <a:ext cx="176132" cy="123992"/>
            </a:xfrm>
            <a:custGeom>
              <a:avLst/>
              <a:gdLst>
                <a:gd name="connsiteX0" fmla="*/ 123722 w 268921"/>
                <a:gd name="connsiteY0" fmla="*/ 103937 h 189313"/>
                <a:gd name="connsiteX1" fmla="*/ 126631 w 268921"/>
                <a:gd name="connsiteY1" fmla="*/ 101029 h 189313"/>
                <a:gd name="connsiteX2" fmla="*/ 126897 w 268921"/>
                <a:gd name="connsiteY2" fmla="*/ 28308 h 189313"/>
                <a:gd name="connsiteX3" fmla="*/ 125170 w 268921"/>
                <a:gd name="connsiteY3" fmla="*/ 24740 h 189313"/>
                <a:gd name="connsiteX4" fmla="*/ 121081 w 268921"/>
                <a:gd name="connsiteY4" fmla="*/ 28308 h 189313"/>
                <a:gd name="connsiteX5" fmla="*/ 75589 w 268921"/>
                <a:gd name="connsiteY5" fmla="*/ 101029 h 189313"/>
                <a:gd name="connsiteX6" fmla="*/ 74789 w 268921"/>
                <a:gd name="connsiteY6" fmla="*/ 102616 h 189313"/>
                <a:gd name="connsiteX7" fmla="*/ 76910 w 268921"/>
                <a:gd name="connsiteY7" fmla="*/ 103937 h 189313"/>
                <a:gd name="connsiteX8" fmla="*/ 256234 w 268921"/>
                <a:gd name="connsiteY8" fmla="*/ 160007 h 189313"/>
                <a:gd name="connsiteX9" fmla="*/ 265226 w 268921"/>
                <a:gd name="connsiteY9" fmla="*/ 163716 h 189313"/>
                <a:gd name="connsiteX10" fmla="*/ 268921 w 268921"/>
                <a:gd name="connsiteY10" fmla="*/ 172707 h 189313"/>
                <a:gd name="connsiteX11" fmla="*/ 265226 w 268921"/>
                <a:gd name="connsiteY11" fmla="*/ 181559 h 189313"/>
                <a:gd name="connsiteX12" fmla="*/ 256234 w 268921"/>
                <a:gd name="connsiteY12" fmla="*/ 185141 h 189313"/>
                <a:gd name="connsiteX13" fmla="*/ 131126 w 268921"/>
                <a:gd name="connsiteY13" fmla="*/ 185141 h 189313"/>
                <a:gd name="connsiteX14" fmla="*/ 126897 w 268921"/>
                <a:gd name="connsiteY14" fmla="*/ 181166 h 189313"/>
                <a:gd name="connsiteX15" fmla="*/ 126631 w 268921"/>
                <a:gd name="connsiteY15" fmla="*/ 130912 h 189313"/>
                <a:gd name="connsiteX16" fmla="*/ 123722 w 268921"/>
                <a:gd name="connsiteY16" fmla="*/ 128016 h 189313"/>
                <a:gd name="connsiteX17" fmla="*/ 62102 w 268921"/>
                <a:gd name="connsiteY17" fmla="*/ 128016 h 189313"/>
                <a:gd name="connsiteX18" fmla="*/ 57073 w 268921"/>
                <a:gd name="connsiteY18" fmla="*/ 130391 h 189313"/>
                <a:gd name="connsiteX19" fmla="*/ 24535 w 268921"/>
                <a:gd name="connsiteY19" fmla="*/ 183020 h 189313"/>
                <a:gd name="connsiteX20" fmla="*/ 16217 w 268921"/>
                <a:gd name="connsiteY20" fmla="*/ 188963 h 189313"/>
                <a:gd name="connsiteX21" fmla="*/ 6298 w 268921"/>
                <a:gd name="connsiteY21" fmla="*/ 187262 h 189313"/>
                <a:gd name="connsiteX22" fmla="*/ 342 w 268921"/>
                <a:gd name="connsiteY22" fmla="*/ 179057 h 189313"/>
                <a:gd name="connsiteX23" fmla="*/ 2069 w 268921"/>
                <a:gd name="connsiteY23" fmla="*/ 168999 h 189313"/>
                <a:gd name="connsiteX24" fmla="*/ 96481 w 268921"/>
                <a:gd name="connsiteY24" fmla="*/ 16929 h 189313"/>
                <a:gd name="connsiteX25" fmla="*/ 109308 w 268921"/>
                <a:gd name="connsiteY25" fmla="*/ 3581 h 189313"/>
                <a:gd name="connsiteX26" fmla="*/ 126897 w 268921"/>
                <a:gd name="connsiteY26" fmla="*/ 0 h 189313"/>
                <a:gd name="connsiteX27" fmla="*/ 256234 w 268921"/>
                <a:gd name="connsiteY27" fmla="*/ 0 h 189313"/>
                <a:gd name="connsiteX28" fmla="*/ 265086 w 268921"/>
                <a:gd name="connsiteY28" fmla="*/ 3581 h 189313"/>
                <a:gd name="connsiteX29" fmla="*/ 268655 w 268921"/>
                <a:gd name="connsiteY29" fmla="*/ 12433 h 189313"/>
                <a:gd name="connsiteX30" fmla="*/ 265086 w 268921"/>
                <a:gd name="connsiteY30" fmla="*/ 21158 h 189313"/>
                <a:gd name="connsiteX31" fmla="*/ 256234 w 268921"/>
                <a:gd name="connsiteY31" fmla="*/ 24600 h 189313"/>
                <a:gd name="connsiteX32" fmla="*/ 156514 w 268921"/>
                <a:gd name="connsiteY32" fmla="*/ 24600 h 189313"/>
                <a:gd name="connsiteX33" fmla="*/ 153618 w 268921"/>
                <a:gd name="connsiteY33" fmla="*/ 27508 h 189313"/>
                <a:gd name="connsiteX34" fmla="*/ 153618 w 268921"/>
                <a:gd name="connsiteY34" fmla="*/ 76962 h 189313"/>
                <a:gd name="connsiteX35" fmla="*/ 156514 w 268921"/>
                <a:gd name="connsiteY35" fmla="*/ 79870 h 189313"/>
                <a:gd name="connsiteX36" fmla="*/ 249617 w 268921"/>
                <a:gd name="connsiteY36" fmla="*/ 79870 h 189313"/>
                <a:gd name="connsiteX37" fmla="*/ 258215 w 268921"/>
                <a:gd name="connsiteY37" fmla="*/ 83452 h 189313"/>
                <a:gd name="connsiteX38" fmla="*/ 261784 w 268921"/>
                <a:gd name="connsiteY38" fmla="*/ 92037 h 189313"/>
                <a:gd name="connsiteX39" fmla="*/ 258215 w 268921"/>
                <a:gd name="connsiteY39" fmla="*/ 100495 h 189313"/>
                <a:gd name="connsiteX40" fmla="*/ 249617 w 268921"/>
                <a:gd name="connsiteY40" fmla="*/ 103937 h 189313"/>
                <a:gd name="connsiteX41" fmla="*/ 156514 w 268921"/>
                <a:gd name="connsiteY41" fmla="*/ 103937 h 189313"/>
                <a:gd name="connsiteX42" fmla="*/ 153618 w 268921"/>
                <a:gd name="connsiteY42" fmla="*/ 106845 h 189313"/>
                <a:gd name="connsiteX43" fmla="*/ 153618 w 268921"/>
                <a:gd name="connsiteY43" fmla="*/ 156832 h 189313"/>
                <a:gd name="connsiteX44" fmla="*/ 156514 w 268921"/>
                <a:gd name="connsiteY44" fmla="*/ 160007 h 189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68921" h="189313">
                  <a:moveTo>
                    <a:pt x="123722" y="103937"/>
                  </a:moveTo>
                  <a:cubicBezTo>
                    <a:pt x="125653" y="103937"/>
                    <a:pt x="126631" y="102972"/>
                    <a:pt x="126631" y="101029"/>
                  </a:cubicBezTo>
                  <a:lnTo>
                    <a:pt x="126897" y="28308"/>
                  </a:lnTo>
                  <a:cubicBezTo>
                    <a:pt x="126897" y="26187"/>
                    <a:pt x="126326" y="24994"/>
                    <a:pt x="125170" y="24740"/>
                  </a:cubicBezTo>
                  <a:cubicBezTo>
                    <a:pt x="124027" y="24460"/>
                    <a:pt x="122668" y="25654"/>
                    <a:pt x="121081" y="28308"/>
                  </a:cubicBezTo>
                  <a:lnTo>
                    <a:pt x="75589" y="101029"/>
                  </a:lnTo>
                  <a:cubicBezTo>
                    <a:pt x="75234" y="101562"/>
                    <a:pt x="74967" y="102083"/>
                    <a:pt x="74789" y="102616"/>
                  </a:cubicBezTo>
                  <a:cubicBezTo>
                    <a:pt x="74434" y="103505"/>
                    <a:pt x="75145" y="103937"/>
                    <a:pt x="76910" y="103937"/>
                  </a:cubicBezTo>
                  <a:close/>
                  <a:moveTo>
                    <a:pt x="256234" y="160007"/>
                  </a:moveTo>
                  <a:cubicBezTo>
                    <a:pt x="259752" y="160007"/>
                    <a:pt x="262749" y="161252"/>
                    <a:pt x="265226" y="163716"/>
                  </a:cubicBezTo>
                  <a:cubicBezTo>
                    <a:pt x="267690" y="166180"/>
                    <a:pt x="268921" y="169189"/>
                    <a:pt x="268921" y="172707"/>
                  </a:cubicBezTo>
                  <a:cubicBezTo>
                    <a:pt x="268921" y="176225"/>
                    <a:pt x="267690" y="179184"/>
                    <a:pt x="265226" y="181559"/>
                  </a:cubicBezTo>
                  <a:cubicBezTo>
                    <a:pt x="262749" y="183947"/>
                    <a:pt x="259752" y="185141"/>
                    <a:pt x="256234" y="185141"/>
                  </a:cubicBezTo>
                  <a:lnTo>
                    <a:pt x="131126" y="185141"/>
                  </a:lnTo>
                  <a:cubicBezTo>
                    <a:pt x="128307" y="185141"/>
                    <a:pt x="126897" y="183807"/>
                    <a:pt x="126897" y="181166"/>
                  </a:cubicBezTo>
                  <a:lnTo>
                    <a:pt x="126631" y="130912"/>
                  </a:lnTo>
                  <a:cubicBezTo>
                    <a:pt x="126631" y="128981"/>
                    <a:pt x="125653" y="128016"/>
                    <a:pt x="123722" y="128016"/>
                  </a:cubicBezTo>
                  <a:lnTo>
                    <a:pt x="62102" y="128016"/>
                  </a:lnTo>
                  <a:cubicBezTo>
                    <a:pt x="59981" y="128016"/>
                    <a:pt x="58317" y="128803"/>
                    <a:pt x="57073" y="130391"/>
                  </a:cubicBezTo>
                  <a:lnTo>
                    <a:pt x="24535" y="183020"/>
                  </a:lnTo>
                  <a:cubicBezTo>
                    <a:pt x="22605" y="186195"/>
                    <a:pt x="19824" y="188176"/>
                    <a:pt x="16217" y="188963"/>
                  </a:cubicBezTo>
                  <a:cubicBezTo>
                    <a:pt x="12597" y="189763"/>
                    <a:pt x="9295" y="189192"/>
                    <a:pt x="6298" y="187262"/>
                  </a:cubicBezTo>
                  <a:cubicBezTo>
                    <a:pt x="3123" y="185306"/>
                    <a:pt x="1142" y="182575"/>
                    <a:pt x="342" y="179057"/>
                  </a:cubicBezTo>
                  <a:cubicBezTo>
                    <a:pt x="-446" y="175527"/>
                    <a:pt x="126" y="172174"/>
                    <a:pt x="2069" y="168999"/>
                  </a:cubicBezTo>
                  <a:lnTo>
                    <a:pt x="96481" y="16929"/>
                  </a:lnTo>
                  <a:cubicBezTo>
                    <a:pt x="100545" y="10223"/>
                    <a:pt x="104812" y="5778"/>
                    <a:pt x="109308" y="3581"/>
                  </a:cubicBezTo>
                  <a:cubicBezTo>
                    <a:pt x="113816" y="1372"/>
                    <a:pt x="119671" y="178"/>
                    <a:pt x="126897" y="0"/>
                  </a:cubicBezTo>
                  <a:lnTo>
                    <a:pt x="256234" y="0"/>
                  </a:lnTo>
                  <a:cubicBezTo>
                    <a:pt x="259752" y="0"/>
                    <a:pt x="262698" y="1194"/>
                    <a:pt x="265086" y="3581"/>
                  </a:cubicBezTo>
                  <a:cubicBezTo>
                    <a:pt x="267461" y="5956"/>
                    <a:pt x="268655" y="8915"/>
                    <a:pt x="268655" y="12433"/>
                  </a:cubicBezTo>
                  <a:cubicBezTo>
                    <a:pt x="268655" y="15964"/>
                    <a:pt x="267461" y="18872"/>
                    <a:pt x="265086" y="21158"/>
                  </a:cubicBezTo>
                  <a:cubicBezTo>
                    <a:pt x="262698" y="23457"/>
                    <a:pt x="259752" y="24600"/>
                    <a:pt x="256234" y="24600"/>
                  </a:cubicBezTo>
                  <a:lnTo>
                    <a:pt x="156514" y="24600"/>
                  </a:lnTo>
                  <a:cubicBezTo>
                    <a:pt x="154583" y="24600"/>
                    <a:pt x="153618" y="25565"/>
                    <a:pt x="153618" y="27508"/>
                  </a:cubicBezTo>
                  <a:lnTo>
                    <a:pt x="153618" y="76962"/>
                  </a:lnTo>
                  <a:cubicBezTo>
                    <a:pt x="153618" y="78905"/>
                    <a:pt x="154583" y="79870"/>
                    <a:pt x="156514" y="79870"/>
                  </a:cubicBezTo>
                  <a:lnTo>
                    <a:pt x="249617" y="79870"/>
                  </a:lnTo>
                  <a:cubicBezTo>
                    <a:pt x="252970" y="79870"/>
                    <a:pt x="255828" y="81064"/>
                    <a:pt x="258215" y="83452"/>
                  </a:cubicBezTo>
                  <a:cubicBezTo>
                    <a:pt x="260590" y="85827"/>
                    <a:pt x="261784" y="88697"/>
                    <a:pt x="261784" y="92037"/>
                  </a:cubicBezTo>
                  <a:cubicBezTo>
                    <a:pt x="261784" y="95390"/>
                    <a:pt x="260590" y="98222"/>
                    <a:pt x="258215" y="100495"/>
                  </a:cubicBezTo>
                  <a:cubicBezTo>
                    <a:pt x="255828" y="102794"/>
                    <a:pt x="252970" y="103937"/>
                    <a:pt x="249617" y="103937"/>
                  </a:cubicBezTo>
                  <a:lnTo>
                    <a:pt x="156514" y="103937"/>
                  </a:lnTo>
                  <a:cubicBezTo>
                    <a:pt x="154583" y="103937"/>
                    <a:pt x="153618" y="104915"/>
                    <a:pt x="153618" y="106845"/>
                  </a:cubicBezTo>
                  <a:lnTo>
                    <a:pt x="153618" y="156832"/>
                  </a:lnTo>
                  <a:cubicBezTo>
                    <a:pt x="153618" y="158953"/>
                    <a:pt x="154583" y="160007"/>
                    <a:pt x="156514" y="160007"/>
                  </a:cubicBezTo>
                  <a:close/>
                </a:path>
              </a:pathLst>
            </a:custGeom>
            <a:solidFill>
              <a:srgbClr val="FFFFFF"/>
            </a:solidFill>
            <a:ln w="12700" cap="flat">
              <a:noFill/>
              <a:prstDash val="solid"/>
              <a:miter/>
            </a:ln>
          </p:spPr>
          <p:txBody>
            <a:bodyPr rtlCol="0" anchor="ctr"/>
            <a:lstStyle/>
            <a:p>
              <a:endParaRPr lang="da-DK"/>
            </a:p>
          </p:txBody>
        </p:sp>
        <p:sp>
          <p:nvSpPr>
            <p:cNvPr id="33" name="Kombinationstegning: figur 32">
              <a:extLst>
                <a:ext uri="{FF2B5EF4-FFF2-40B4-BE49-F238E27FC236}">
                  <a16:creationId xmlns:a16="http://schemas.microsoft.com/office/drawing/2014/main" id="{4A87E7AB-36B2-46B8-8C51-80271BF5943C}"/>
                </a:ext>
              </a:extLst>
            </p:cNvPr>
            <p:cNvSpPr/>
            <p:nvPr/>
          </p:nvSpPr>
          <p:spPr>
            <a:xfrm>
              <a:off x="1212895" y="6614547"/>
              <a:ext cx="91980" cy="124021"/>
            </a:xfrm>
            <a:custGeom>
              <a:avLst/>
              <a:gdLst>
                <a:gd name="connsiteX0" fmla="*/ 0 w 140436"/>
                <a:gd name="connsiteY0" fmla="*/ 13221 h 189357"/>
                <a:gd name="connsiteX1" fmla="*/ 3835 w 140436"/>
                <a:gd name="connsiteY1" fmla="*/ 3962 h 189357"/>
                <a:gd name="connsiteX2" fmla="*/ 13221 w 140436"/>
                <a:gd name="connsiteY2" fmla="*/ 0 h 189357"/>
                <a:gd name="connsiteX3" fmla="*/ 22492 w 140436"/>
                <a:gd name="connsiteY3" fmla="*/ 3962 h 189357"/>
                <a:gd name="connsiteX4" fmla="*/ 26454 w 140436"/>
                <a:gd name="connsiteY4" fmla="*/ 13221 h 189357"/>
                <a:gd name="connsiteX5" fmla="*/ 26454 w 140436"/>
                <a:gd name="connsiteY5" fmla="*/ 161849 h 189357"/>
                <a:gd name="connsiteX6" fmla="*/ 29362 w 140436"/>
                <a:gd name="connsiteY6" fmla="*/ 164770 h 189357"/>
                <a:gd name="connsiteX7" fmla="*/ 127216 w 140436"/>
                <a:gd name="connsiteY7" fmla="*/ 164770 h 189357"/>
                <a:gd name="connsiteX8" fmla="*/ 136474 w 140436"/>
                <a:gd name="connsiteY8" fmla="*/ 168199 h 189357"/>
                <a:gd name="connsiteX9" fmla="*/ 140437 w 140436"/>
                <a:gd name="connsiteY9" fmla="*/ 176936 h 189357"/>
                <a:gd name="connsiteX10" fmla="*/ 136474 w 140436"/>
                <a:gd name="connsiteY10" fmla="*/ 185928 h 189357"/>
                <a:gd name="connsiteX11" fmla="*/ 127216 w 140436"/>
                <a:gd name="connsiteY11" fmla="*/ 189357 h 189357"/>
                <a:gd name="connsiteX12" fmla="*/ 3962 w 140436"/>
                <a:gd name="connsiteY12" fmla="*/ 189357 h 189357"/>
                <a:gd name="connsiteX13" fmla="*/ 0 w 140436"/>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36" h="189357">
                  <a:moveTo>
                    <a:pt x="0" y="13221"/>
                  </a:moveTo>
                  <a:cubicBezTo>
                    <a:pt x="0" y="9703"/>
                    <a:pt x="1283" y="6604"/>
                    <a:pt x="3835" y="3962"/>
                  </a:cubicBezTo>
                  <a:cubicBezTo>
                    <a:pt x="6388" y="1321"/>
                    <a:pt x="9525" y="0"/>
                    <a:pt x="13221" y="0"/>
                  </a:cubicBezTo>
                  <a:cubicBezTo>
                    <a:pt x="16751" y="0"/>
                    <a:pt x="19837" y="1321"/>
                    <a:pt x="22492" y="3962"/>
                  </a:cubicBezTo>
                  <a:cubicBezTo>
                    <a:pt x="25133" y="6604"/>
                    <a:pt x="26454" y="9703"/>
                    <a:pt x="26454" y="13221"/>
                  </a:cubicBezTo>
                  <a:lnTo>
                    <a:pt x="26454" y="161849"/>
                  </a:lnTo>
                  <a:cubicBezTo>
                    <a:pt x="26454" y="163792"/>
                    <a:pt x="27407" y="164770"/>
                    <a:pt x="29362" y="164770"/>
                  </a:cubicBezTo>
                  <a:lnTo>
                    <a:pt x="127216" y="164770"/>
                  </a:lnTo>
                  <a:cubicBezTo>
                    <a:pt x="130734" y="164770"/>
                    <a:pt x="133820" y="165900"/>
                    <a:pt x="136474" y="168199"/>
                  </a:cubicBezTo>
                  <a:cubicBezTo>
                    <a:pt x="139116" y="170498"/>
                    <a:pt x="140437" y="173406"/>
                    <a:pt x="140437" y="176936"/>
                  </a:cubicBezTo>
                  <a:cubicBezTo>
                    <a:pt x="140437" y="180632"/>
                    <a:pt x="139116" y="183629"/>
                    <a:pt x="136474" y="185928"/>
                  </a:cubicBezTo>
                  <a:cubicBezTo>
                    <a:pt x="133820" y="188214"/>
                    <a:pt x="130734" y="189357"/>
                    <a:pt x="127216"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34" name="Kombinationstegning: figur 33">
              <a:extLst>
                <a:ext uri="{FF2B5EF4-FFF2-40B4-BE49-F238E27FC236}">
                  <a16:creationId xmlns:a16="http://schemas.microsoft.com/office/drawing/2014/main" id="{7B9F4D9A-A681-4CC2-ACA6-F62247832829}"/>
                </a:ext>
              </a:extLst>
            </p:cNvPr>
            <p:cNvSpPr/>
            <p:nvPr/>
          </p:nvSpPr>
          <p:spPr>
            <a:xfrm>
              <a:off x="1358053" y="6614547"/>
              <a:ext cx="91971" cy="124021"/>
            </a:xfrm>
            <a:custGeom>
              <a:avLst/>
              <a:gdLst>
                <a:gd name="connsiteX0" fmla="*/ 0 w 140423"/>
                <a:gd name="connsiteY0" fmla="*/ 13221 h 189357"/>
                <a:gd name="connsiteX1" fmla="*/ 3823 w 140423"/>
                <a:gd name="connsiteY1" fmla="*/ 3962 h 189357"/>
                <a:gd name="connsiteX2" fmla="*/ 13221 w 140423"/>
                <a:gd name="connsiteY2" fmla="*/ 0 h 189357"/>
                <a:gd name="connsiteX3" fmla="*/ 22479 w 140423"/>
                <a:gd name="connsiteY3" fmla="*/ 3962 h 189357"/>
                <a:gd name="connsiteX4" fmla="*/ 26454 w 140423"/>
                <a:gd name="connsiteY4" fmla="*/ 13221 h 189357"/>
                <a:gd name="connsiteX5" fmla="*/ 26454 w 140423"/>
                <a:gd name="connsiteY5" fmla="*/ 161849 h 189357"/>
                <a:gd name="connsiteX6" fmla="*/ 29350 w 140423"/>
                <a:gd name="connsiteY6" fmla="*/ 164770 h 189357"/>
                <a:gd name="connsiteX7" fmla="*/ 127203 w 140423"/>
                <a:gd name="connsiteY7" fmla="*/ 164770 h 189357"/>
                <a:gd name="connsiteX8" fmla="*/ 136474 w 140423"/>
                <a:gd name="connsiteY8" fmla="*/ 168199 h 189357"/>
                <a:gd name="connsiteX9" fmla="*/ 140424 w 140423"/>
                <a:gd name="connsiteY9" fmla="*/ 176936 h 189357"/>
                <a:gd name="connsiteX10" fmla="*/ 136474 w 140423"/>
                <a:gd name="connsiteY10" fmla="*/ 185928 h 189357"/>
                <a:gd name="connsiteX11" fmla="*/ 127203 w 140423"/>
                <a:gd name="connsiteY11" fmla="*/ 189357 h 189357"/>
                <a:gd name="connsiteX12" fmla="*/ 3962 w 140423"/>
                <a:gd name="connsiteY12" fmla="*/ 189357 h 189357"/>
                <a:gd name="connsiteX13" fmla="*/ 0 w 140423"/>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23" h="189357">
                  <a:moveTo>
                    <a:pt x="0" y="13221"/>
                  </a:moveTo>
                  <a:cubicBezTo>
                    <a:pt x="0" y="9703"/>
                    <a:pt x="1283" y="6604"/>
                    <a:pt x="3823" y="3962"/>
                  </a:cubicBezTo>
                  <a:cubicBezTo>
                    <a:pt x="6375" y="1321"/>
                    <a:pt x="9525" y="0"/>
                    <a:pt x="13221" y="0"/>
                  </a:cubicBezTo>
                  <a:cubicBezTo>
                    <a:pt x="16751" y="0"/>
                    <a:pt x="19825" y="1321"/>
                    <a:pt x="22479" y="3962"/>
                  </a:cubicBezTo>
                  <a:cubicBezTo>
                    <a:pt x="25121" y="6604"/>
                    <a:pt x="26454" y="9703"/>
                    <a:pt x="26454" y="13221"/>
                  </a:cubicBezTo>
                  <a:lnTo>
                    <a:pt x="26454" y="161849"/>
                  </a:lnTo>
                  <a:cubicBezTo>
                    <a:pt x="26454" y="163792"/>
                    <a:pt x="27407" y="164770"/>
                    <a:pt x="29350" y="164770"/>
                  </a:cubicBezTo>
                  <a:lnTo>
                    <a:pt x="127203" y="164770"/>
                  </a:lnTo>
                  <a:cubicBezTo>
                    <a:pt x="130721" y="164770"/>
                    <a:pt x="133820" y="165900"/>
                    <a:pt x="136474" y="168199"/>
                  </a:cubicBezTo>
                  <a:cubicBezTo>
                    <a:pt x="139116" y="170498"/>
                    <a:pt x="140424" y="173406"/>
                    <a:pt x="140424" y="176936"/>
                  </a:cubicBezTo>
                  <a:cubicBezTo>
                    <a:pt x="140424" y="180632"/>
                    <a:pt x="139116" y="183629"/>
                    <a:pt x="136474" y="185928"/>
                  </a:cubicBezTo>
                  <a:cubicBezTo>
                    <a:pt x="133820" y="188214"/>
                    <a:pt x="130721" y="189357"/>
                    <a:pt x="127203"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35" name="Kombinationstegning: figur 34">
              <a:extLst>
                <a:ext uri="{FF2B5EF4-FFF2-40B4-BE49-F238E27FC236}">
                  <a16:creationId xmlns:a16="http://schemas.microsoft.com/office/drawing/2014/main" id="{6BC93DCA-F456-4D8F-857A-A21762FAAC4C}"/>
                </a:ext>
              </a:extLst>
            </p:cNvPr>
            <p:cNvSpPr/>
            <p:nvPr/>
          </p:nvSpPr>
          <p:spPr>
            <a:xfrm>
              <a:off x="1480993" y="6617317"/>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39" name="Kombinationstegning: figur 38">
              <a:extLst>
                <a:ext uri="{FF2B5EF4-FFF2-40B4-BE49-F238E27FC236}">
                  <a16:creationId xmlns:a16="http://schemas.microsoft.com/office/drawing/2014/main" id="{29787CC9-8817-4308-BF8C-2C0CD611F7E8}"/>
                </a:ext>
              </a:extLst>
            </p:cNvPr>
            <p:cNvSpPr/>
            <p:nvPr/>
          </p:nvSpPr>
          <p:spPr>
            <a:xfrm>
              <a:off x="1668970" y="6614713"/>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40" name="Kombinationstegning: figur 39">
              <a:extLst>
                <a:ext uri="{FF2B5EF4-FFF2-40B4-BE49-F238E27FC236}">
                  <a16:creationId xmlns:a16="http://schemas.microsoft.com/office/drawing/2014/main" id="{A1F29C0B-BDBB-445F-AC1F-EA1C2B16266B}"/>
                </a:ext>
              </a:extLst>
            </p:cNvPr>
            <p:cNvSpPr/>
            <p:nvPr/>
          </p:nvSpPr>
          <p:spPr>
            <a:xfrm>
              <a:off x="1857782" y="6617313"/>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grpSp>
      <p:sp>
        <p:nvSpPr>
          <p:cNvPr id="18" name="Pladsholder til tekst 17">
            <a:extLst>
              <a:ext uri="{FF2B5EF4-FFF2-40B4-BE49-F238E27FC236}">
                <a16:creationId xmlns:a16="http://schemas.microsoft.com/office/drawing/2014/main" id="{F83738D0-31BE-48A9-8BBF-57EA6BD5DF13}"/>
              </a:ext>
            </a:extLst>
          </p:cNvPr>
          <p:cNvSpPr>
            <a:spLocks noGrp="1"/>
          </p:cNvSpPr>
          <p:nvPr>
            <p:ph type="body" sz="quarter" idx="13" hasCustomPrompt="1"/>
          </p:nvPr>
        </p:nvSpPr>
        <p:spPr>
          <a:xfrm>
            <a:off x="731838" y="4428000"/>
            <a:ext cx="7199312" cy="889000"/>
          </a:xfrm>
        </p:spPr>
        <p:txBody>
          <a:bodyPr/>
          <a:lstStyle>
            <a:lvl1pPr marL="0" indent="0">
              <a:buNone/>
              <a:defRPr>
                <a:solidFill>
                  <a:schemeClr val="bg1"/>
                </a:solidFill>
              </a:defRPr>
            </a:lvl1pPr>
            <a:lvl2pPr marL="288000" indent="0">
              <a:buNone/>
              <a:defRPr>
                <a:solidFill>
                  <a:schemeClr val="bg1"/>
                </a:solidFill>
              </a:defRPr>
            </a:lvl2pPr>
            <a:lvl3pPr marL="576000" indent="0">
              <a:buNone/>
              <a:defRPr>
                <a:solidFill>
                  <a:schemeClr val="bg1"/>
                </a:solidFill>
              </a:defRPr>
            </a:lvl3pPr>
            <a:lvl4pPr marL="864000" indent="0">
              <a:buNone/>
              <a:defRPr>
                <a:solidFill>
                  <a:schemeClr val="bg1"/>
                </a:solidFill>
              </a:defRPr>
            </a:lvl4pPr>
            <a:lvl5pPr marL="1152000" indent="0">
              <a:buNone/>
              <a:defRPr>
                <a:solidFill>
                  <a:schemeClr val="bg1"/>
                </a:solidFill>
              </a:defRPr>
            </a:lvl5pPr>
          </a:lstStyle>
          <a:p>
            <a:pPr lvl="0"/>
            <a:r>
              <a:rPr lang="da-DK" dirty="0"/>
              <a:t>Indsæt oplægsholder</a:t>
            </a:r>
          </a:p>
        </p:txBody>
      </p:sp>
    </p:spTree>
    <p:extLst>
      <p:ext uri="{BB962C8B-B14F-4D97-AF65-F5344CB8AC3E}">
        <p14:creationId xmlns:p14="http://schemas.microsoft.com/office/powerpoint/2010/main" val="347534456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Kun titel, lys bun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63781CC-A8B6-4226-B6E9-58C1AA831D93}"/>
              </a:ext>
            </a:extLst>
          </p:cNvPr>
          <p:cNvSpPr>
            <a:spLocks noGrp="1"/>
          </p:cNvSpPr>
          <p:nvPr>
            <p:ph type="title"/>
          </p:nvPr>
        </p:nvSpPr>
        <p:spPr/>
        <p:txBody>
          <a:bodyPr/>
          <a:lstStyle/>
          <a:p>
            <a:r>
              <a:rPr lang="da-DK"/>
              <a:t>Klik for at redigere i master</a:t>
            </a:r>
            <a:endParaRPr lang="da-DK" dirty="0"/>
          </a:p>
        </p:txBody>
      </p:sp>
      <p:sp>
        <p:nvSpPr>
          <p:cNvPr id="4" name="Pladsholder til sidefod 3">
            <a:extLst>
              <a:ext uri="{FF2B5EF4-FFF2-40B4-BE49-F238E27FC236}">
                <a16:creationId xmlns:a16="http://schemas.microsoft.com/office/drawing/2014/main" id="{D35C6F2D-E1E3-4FED-BF42-C742CD9392C0}"/>
              </a:ext>
            </a:extLst>
          </p:cNvPr>
          <p:cNvSpPr>
            <a:spLocks noGrp="1"/>
          </p:cNvSpPr>
          <p:nvPr>
            <p:ph type="ftr" sz="quarter" idx="11"/>
          </p:nvPr>
        </p:nvSpPr>
        <p:spPr/>
        <p:txBody>
          <a:bodyPr/>
          <a:lstStyle/>
          <a:p>
            <a:r>
              <a:rPr lang="da-DK" dirty="0"/>
              <a:t>Steno Diabetes Center Sjælland</a:t>
            </a:r>
          </a:p>
        </p:txBody>
      </p:sp>
      <p:sp>
        <p:nvSpPr>
          <p:cNvPr id="6" name="Grafik 3">
            <a:extLst>
              <a:ext uri="{FF2B5EF4-FFF2-40B4-BE49-F238E27FC236}">
                <a16:creationId xmlns:a16="http://schemas.microsoft.com/office/drawing/2014/main" id="{69879119-D2A8-485F-BF7E-A5D132B12D48}"/>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7" name="Grafik 1">
            <a:extLst>
              <a:ext uri="{FF2B5EF4-FFF2-40B4-BE49-F238E27FC236}">
                <a16:creationId xmlns:a16="http://schemas.microsoft.com/office/drawing/2014/main" id="{FD2D1C0D-D785-44F7-8700-7E61D325D736}"/>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
        <p:nvSpPr>
          <p:cNvPr id="8" name="Pladsholder til slidenummer 7">
            <a:extLst>
              <a:ext uri="{FF2B5EF4-FFF2-40B4-BE49-F238E27FC236}">
                <a16:creationId xmlns:a16="http://schemas.microsoft.com/office/drawing/2014/main" id="{83343449-6147-46B2-846D-CEE7CE130759}"/>
              </a:ext>
            </a:extLst>
          </p:cNvPr>
          <p:cNvSpPr>
            <a:spLocks noGrp="1"/>
          </p:cNvSpPr>
          <p:nvPr>
            <p:ph type="sldNum" sz="quarter" idx="12"/>
          </p:nvPr>
        </p:nvSpPr>
        <p:spPr>
          <a:xfrm>
            <a:off x="10460797" y="6356351"/>
            <a:ext cx="1010478" cy="183598"/>
          </a:xfrm>
        </p:spPr>
        <p:txBody>
          <a:bodyPr/>
          <a:lstStyle/>
          <a:p>
            <a:r>
              <a:rPr lang="da-DK" dirty="0"/>
              <a:t>Side </a:t>
            </a:r>
            <a:fld id="{E796865E-AA3E-4D37-96EF-D3548B036053}" type="slidenum">
              <a:rPr lang="da-DK" smtClean="0"/>
              <a:pPr/>
              <a:t>‹nr.›</a:t>
            </a:fld>
            <a:endParaRPr lang="da-DK" dirty="0"/>
          </a:p>
        </p:txBody>
      </p:sp>
      <p:sp>
        <p:nvSpPr>
          <p:cNvPr id="9" name="Grafik 3">
            <a:extLst>
              <a:ext uri="{FF2B5EF4-FFF2-40B4-BE49-F238E27FC236}">
                <a16:creationId xmlns:a16="http://schemas.microsoft.com/office/drawing/2014/main" id="{A350DF7B-5F8B-47F2-A940-9E7E059FB64D}"/>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10" name="Grafik 1">
            <a:extLst>
              <a:ext uri="{FF2B5EF4-FFF2-40B4-BE49-F238E27FC236}">
                <a16:creationId xmlns:a16="http://schemas.microsoft.com/office/drawing/2014/main" id="{97EEB1FD-FC5D-4997-B66A-9CC67098C6AD}"/>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2005734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Kun titel, mørk bund">
    <p:bg>
      <p:bgPr>
        <a:solidFill>
          <a:schemeClr val="tx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63781CC-A8B6-4226-B6E9-58C1AA831D93}"/>
              </a:ext>
            </a:extLst>
          </p:cNvPr>
          <p:cNvSpPr>
            <a:spLocks noGrp="1"/>
          </p:cNvSpPr>
          <p:nvPr>
            <p:ph type="title"/>
          </p:nvPr>
        </p:nvSpPr>
        <p:spPr/>
        <p:txBody>
          <a:bodyPr/>
          <a:lstStyle>
            <a:lvl1pPr>
              <a:defRPr>
                <a:solidFill>
                  <a:schemeClr val="bg1"/>
                </a:solidFill>
              </a:defRPr>
            </a:lvl1pPr>
          </a:lstStyle>
          <a:p>
            <a:r>
              <a:rPr lang="da-DK"/>
              <a:t>Klik for at redigere i master</a:t>
            </a:r>
            <a:endParaRPr lang="da-DK" dirty="0"/>
          </a:p>
        </p:txBody>
      </p:sp>
      <p:sp>
        <p:nvSpPr>
          <p:cNvPr id="4" name="Pladsholder til sidefod 3">
            <a:extLst>
              <a:ext uri="{FF2B5EF4-FFF2-40B4-BE49-F238E27FC236}">
                <a16:creationId xmlns:a16="http://schemas.microsoft.com/office/drawing/2014/main" id="{D35C6F2D-E1E3-4FED-BF42-C742CD9392C0}"/>
              </a:ext>
            </a:extLst>
          </p:cNvPr>
          <p:cNvSpPr>
            <a:spLocks noGrp="1"/>
          </p:cNvSpPr>
          <p:nvPr>
            <p:ph type="ftr" sz="quarter" idx="11"/>
          </p:nvPr>
        </p:nvSpPr>
        <p:spPr/>
        <p:txBody>
          <a:bodyPr/>
          <a:lstStyle>
            <a:lvl1pPr>
              <a:defRPr>
                <a:solidFill>
                  <a:schemeClr val="bg1"/>
                </a:solidFill>
              </a:defRPr>
            </a:lvl1pPr>
          </a:lstStyle>
          <a:p>
            <a:r>
              <a:rPr lang="da-DK" dirty="0"/>
              <a:t>Steno Diabetes Center Sjælland</a:t>
            </a:r>
          </a:p>
        </p:txBody>
      </p:sp>
      <p:sp>
        <p:nvSpPr>
          <p:cNvPr id="6" name="Grafik 3">
            <a:extLst>
              <a:ext uri="{FF2B5EF4-FFF2-40B4-BE49-F238E27FC236}">
                <a16:creationId xmlns:a16="http://schemas.microsoft.com/office/drawing/2014/main" id="{69879119-D2A8-485F-BF7E-A5D132B12D48}"/>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7" name="Grafik 1">
            <a:extLst>
              <a:ext uri="{FF2B5EF4-FFF2-40B4-BE49-F238E27FC236}">
                <a16:creationId xmlns:a16="http://schemas.microsoft.com/office/drawing/2014/main" id="{FD2D1C0D-D785-44F7-8700-7E61D325D736}"/>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chemeClr val="bg1"/>
          </a:solidFill>
          <a:ln w="12745" cap="flat">
            <a:noFill/>
            <a:prstDash val="solid"/>
            <a:miter/>
          </a:ln>
        </p:spPr>
        <p:txBody>
          <a:bodyPr rtlCol="0" anchor="ctr"/>
          <a:lstStyle/>
          <a:p>
            <a:endParaRPr lang="da-DK"/>
          </a:p>
        </p:txBody>
      </p:sp>
      <p:sp>
        <p:nvSpPr>
          <p:cNvPr id="8" name="Pladsholder til slidenummer 7">
            <a:extLst>
              <a:ext uri="{FF2B5EF4-FFF2-40B4-BE49-F238E27FC236}">
                <a16:creationId xmlns:a16="http://schemas.microsoft.com/office/drawing/2014/main" id="{FDECA6D1-960B-4583-AB20-07FFD01BB5E0}"/>
              </a:ext>
            </a:extLst>
          </p:cNvPr>
          <p:cNvSpPr>
            <a:spLocks noGrp="1"/>
          </p:cNvSpPr>
          <p:nvPr>
            <p:ph type="sldNum" sz="quarter" idx="12"/>
          </p:nvPr>
        </p:nvSpPr>
        <p:spPr>
          <a:xfrm>
            <a:off x="10460797" y="6356351"/>
            <a:ext cx="1010478" cy="183598"/>
          </a:xfrm>
        </p:spPr>
        <p:txBody>
          <a:bodyPr/>
          <a:lstStyle>
            <a:lvl1pPr>
              <a:defRPr>
                <a:solidFill>
                  <a:schemeClr val="bg1"/>
                </a:solidFill>
              </a:defRPr>
            </a:lvl1pPr>
          </a:lstStyle>
          <a:p>
            <a:r>
              <a:rPr lang="da-DK"/>
              <a:t>Side </a:t>
            </a:r>
            <a:fld id="{E796865E-AA3E-4D37-96EF-D3548B036053}" type="slidenum">
              <a:rPr lang="da-DK" smtClean="0"/>
              <a:pPr/>
              <a:t>‹nr.›</a:t>
            </a:fld>
            <a:endParaRPr lang="da-DK" dirty="0"/>
          </a:p>
        </p:txBody>
      </p:sp>
      <p:sp>
        <p:nvSpPr>
          <p:cNvPr id="9" name="Grafik 3">
            <a:extLst>
              <a:ext uri="{FF2B5EF4-FFF2-40B4-BE49-F238E27FC236}">
                <a16:creationId xmlns:a16="http://schemas.microsoft.com/office/drawing/2014/main" id="{027B6DB0-BB6D-44F7-B5D1-7EBB45A4ADE6}"/>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10" name="Grafik 1">
            <a:extLst>
              <a:ext uri="{FF2B5EF4-FFF2-40B4-BE49-F238E27FC236}">
                <a16:creationId xmlns:a16="http://schemas.microsoft.com/office/drawing/2014/main" id="{E66EB9EA-D75F-4DC9-9AA1-8066C3A5CD8C}"/>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chemeClr val="bg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124159776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Pladsholder til sidefod 4">
            <a:extLst>
              <a:ext uri="{FF2B5EF4-FFF2-40B4-BE49-F238E27FC236}">
                <a16:creationId xmlns:a16="http://schemas.microsoft.com/office/drawing/2014/main" id="{A1D23C0A-830D-446E-912A-13613FF24615}"/>
              </a:ext>
            </a:extLst>
          </p:cNvPr>
          <p:cNvSpPr>
            <a:spLocks noGrp="1"/>
          </p:cNvSpPr>
          <p:nvPr>
            <p:ph type="ftr" sz="quarter" idx="10"/>
          </p:nvPr>
        </p:nvSpPr>
        <p:spPr/>
        <p:txBody>
          <a:bodyPr/>
          <a:lstStyle/>
          <a:p>
            <a:r>
              <a:rPr lang="da-DK" dirty="0"/>
              <a:t>Steno Diabetes Center Sjælland</a:t>
            </a:r>
          </a:p>
        </p:txBody>
      </p:sp>
      <p:sp>
        <p:nvSpPr>
          <p:cNvPr id="6" name="Pladsholder til slidenummer 5">
            <a:extLst>
              <a:ext uri="{FF2B5EF4-FFF2-40B4-BE49-F238E27FC236}">
                <a16:creationId xmlns:a16="http://schemas.microsoft.com/office/drawing/2014/main" id="{17FDACE3-AC53-4E1F-BFA6-A6D532F69AB6}"/>
              </a:ext>
            </a:extLst>
          </p:cNvPr>
          <p:cNvSpPr>
            <a:spLocks noGrp="1"/>
          </p:cNvSpPr>
          <p:nvPr>
            <p:ph type="sldNum" sz="quarter" idx="11"/>
          </p:nvPr>
        </p:nvSpPr>
        <p:spPr/>
        <p:txBody>
          <a:bodyPr/>
          <a:lstStyle/>
          <a:p>
            <a:r>
              <a:rPr lang="da-DK"/>
              <a:t>Side </a:t>
            </a:r>
            <a:fld id="{E796865E-AA3E-4D37-96EF-D3548B036053}" type="slidenum">
              <a:rPr lang="da-DK" smtClean="0"/>
              <a:pPr/>
              <a:t>‹nr.›</a:t>
            </a:fld>
            <a:endParaRPr lang="da-DK" dirty="0"/>
          </a:p>
        </p:txBody>
      </p:sp>
      <p:sp>
        <p:nvSpPr>
          <p:cNvPr id="4" name="Grafik 3">
            <a:extLst>
              <a:ext uri="{FF2B5EF4-FFF2-40B4-BE49-F238E27FC236}">
                <a16:creationId xmlns:a16="http://schemas.microsoft.com/office/drawing/2014/main" id="{64EE5BBB-F75C-4100-9998-5A875E8A966B}"/>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7" name="Grafik 1">
            <a:extLst>
              <a:ext uri="{FF2B5EF4-FFF2-40B4-BE49-F238E27FC236}">
                <a16:creationId xmlns:a16="http://schemas.microsoft.com/office/drawing/2014/main" id="{F6EB7DF5-3647-42B0-8458-566D7C53248B}"/>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
        <p:nvSpPr>
          <p:cNvPr id="8" name="Grafik 3">
            <a:extLst>
              <a:ext uri="{FF2B5EF4-FFF2-40B4-BE49-F238E27FC236}">
                <a16:creationId xmlns:a16="http://schemas.microsoft.com/office/drawing/2014/main" id="{AC14ACA5-4A57-43B8-9120-A221D35DDE6A}"/>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9" name="Grafik 1">
            <a:extLst>
              <a:ext uri="{FF2B5EF4-FFF2-40B4-BE49-F238E27FC236}">
                <a16:creationId xmlns:a16="http://schemas.microsoft.com/office/drawing/2014/main" id="{4BD8D29D-860D-42DC-8D1D-5F34903CA554}"/>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14179796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Helsides foto / video">
    <p:spTree>
      <p:nvGrpSpPr>
        <p:cNvPr id="1" name=""/>
        <p:cNvGrpSpPr/>
        <p:nvPr/>
      </p:nvGrpSpPr>
      <p:grpSpPr>
        <a:xfrm>
          <a:off x="0" y="0"/>
          <a:ext cx="0" cy="0"/>
          <a:chOff x="0" y="0"/>
          <a:chExt cx="0" cy="0"/>
        </a:xfrm>
      </p:grpSpPr>
      <p:sp>
        <p:nvSpPr>
          <p:cNvPr id="6" name="Pladsholder til indhold 5">
            <a:extLst>
              <a:ext uri="{FF2B5EF4-FFF2-40B4-BE49-F238E27FC236}">
                <a16:creationId xmlns:a16="http://schemas.microsoft.com/office/drawing/2014/main" id="{CF7C1E9C-4E86-446C-93E7-739E7FA161C8}"/>
              </a:ext>
            </a:extLst>
          </p:cNvPr>
          <p:cNvSpPr>
            <a:spLocks noGrp="1"/>
          </p:cNvSpPr>
          <p:nvPr>
            <p:ph sz="quarter" idx="10"/>
          </p:nvPr>
        </p:nvSpPr>
        <p:spPr>
          <a:xfrm>
            <a:off x="0" y="0"/>
            <a:ext cx="12192000" cy="6858000"/>
          </a:xfrm>
        </p:spPr>
        <p:txBody>
          <a:bodyPr/>
          <a:lstStyle>
            <a:lvl1pPr marL="0" indent="0">
              <a:buNone/>
              <a:defRPr/>
            </a:lvl1pPr>
            <a:lvl5pPr>
              <a:defRPr/>
            </a:lvl5pPr>
          </a:lstStyle>
          <a:p>
            <a:pPr lvl="0"/>
            <a:r>
              <a:rPr lang="da-DK"/>
              <a:t>Klik for at redigere i master</a:t>
            </a:r>
          </a:p>
        </p:txBody>
      </p:sp>
    </p:spTree>
    <p:extLst>
      <p:ext uri="{BB962C8B-B14F-4D97-AF65-F5344CB8AC3E}">
        <p14:creationId xmlns:p14="http://schemas.microsoft.com/office/powerpoint/2010/main" val="422073919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Afslutning">
    <p:bg>
      <p:bgPr>
        <a:solidFill>
          <a:schemeClr val="tx1"/>
        </a:solidFill>
        <a:effectLst/>
      </p:bgPr>
    </p:bg>
    <p:spTree>
      <p:nvGrpSpPr>
        <p:cNvPr id="1" name=""/>
        <p:cNvGrpSpPr/>
        <p:nvPr/>
      </p:nvGrpSpPr>
      <p:grpSpPr>
        <a:xfrm>
          <a:off x="0" y="0"/>
          <a:ext cx="0" cy="0"/>
          <a:chOff x="0" y="0"/>
          <a:chExt cx="0" cy="0"/>
        </a:xfrm>
      </p:grpSpPr>
      <p:sp>
        <p:nvSpPr>
          <p:cNvPr id="9" name="Titel 8">
            <a:extLst>
              <a:ext uri="{FF2B5EF4-FFF2-40B4-BE49-F238E27FC236}">
                <a16:creationId xmlns:a16="http://schemas.microsoft.com/office/drawing/2014/main" id="{CDF6510D-94B4-4A30-B1C8-B95F8CE1D999}"/>
              </a:ext>
            </a:extLst>
          </p:cNvPr>
          <p:cNvSpPr>
            <a:spLocks noGrp="1"/>
          </p:cNvSpPr>
          <p:nvPr>
            <p:ph type="title"/>
          </p:nvPr>
        </p:nvSpPr>
        <p:spPr>
          <a:xfrm>
            <a:off x="724467" y="1976400"/>
            <a:ext cx="7200000" cy="2907424"/>
          </a:xfrm>
        </p:spPr>
        <p:txBody>
          <a:bodyPr>
            <a:noAutofit/>
          </a:bodyPr>
          <a:lstStyle>
            <a:lvl1pPr>
              <a:lnSpc>
                <a:spcPts val="5300"/>
              </a:lnSpc>
              <a:defRPr sz="4800">
                <a:solidFill>
                  <a:schemeClr val="bg1"/>
                </a:solidFill>
              </a:defRPr>
            </a:lvl1pPr>
          </a:lstStyle>
          <a:p>
            <a:r>
              <a:rPr lang="da-DK"/>
              <a:t>Klik for at redigere i master</a:t>
            </a:r>
            <a:endParaRPr lang="da-DK" dirty="0"/>
          </a:p>
        </p:txBody>
      </p:sp>
      <p:grpSp>
        <p:nvGrpSpPr>
          <p:cNvPr id="118" name="Gruppe 117">
            <a:extLst>
              <a:ext uri="{FF2B5EF4-FFF2-40B4-BE49-F238E27FC236}">
                <a16:creationId xmlns:a16="http://schemas.microsoft.com/office/drawing/2014/main" id="{08ECA071-4BC4-453B-8B56-270596E78346}"/>
              </a:ext>
            </a:extLst>
          </p:cNvPr>
          <p:cNvGrpSpPr/>
          <p:nvPr userDrawn="1"/>
        </p:nvGrpSpPr>
        <p:grpSpPr>
          <a:xfrm>
            <a:off x="6420684" y="2078491"/>
            <a:ext cx="5771317" cy="4794022"/>
            <a:chOff x="5743202" y="1501218"/>
            <a:chExt cx="6448799" cy="5356782"/>
          </a:xfrm>
        </p:grpSpPr>
        <p:sp>
          <p:nvSpPr>
            <p:cNvPr id="122" name="Kombinationstegning: figur 121">
              <a:extLst>
                <a:ext uri="{FF2B5EF4-FFF2-40B4-BE49-F238E27FC236}">
                  <a16:creationId xmlns:a16="http://schemas.microsoft.com/office/drawing/2014/main" id="{F633BFDD-A692-4531-809C-7503E161D9A3}"/>
                </a:ext>
              </a:extLst>
            </p:cNvPr>
            <p:cNvSpPr/>
            <p:nvPr/>
          </p:nvSpPr>
          <p:spPr>
            <a:xfrm>
              <a:off x="8019073" y="1501218"/>
              <a:ext cx="2930400" cy="2754079"/>
            </a:xfrm>
            <a:custGeom>
              <a:avLst/>
              <a:gdLst>
                <a:gd name="connsiteX0" fmla="*/ 1465200 w 2930400"/>
                <a:gd name="connsiteY0" fmla="*/ 0 h 2754079"/>
                <a:gd name="connsiteX1" fmla="*/ 2930400 w 2930400"/>
                <a:gd name="connsiteY1" fmla="*/ 1465200 h 2754079"/>
                <a:gd name="connsiteX2" fmla="*/ 2924567 w 2930400"/>
                <a:gd name="connsiteY2" fmla="*/ 1580719 h 2754079"/>
                <a:gd name="connsiteX3" fmla="*/ 2662531 w 2930400"/>
                <a:gd name="connsiteY3" fmla="*/ 1593950 h 2754079"/>
                <a:gd name="connsiteX4" fmla="*/ 791307 w 2930400"/>
                <a:gd name="connsiteY4" fmla="*/ 2715513 h 2754079"/>
                <a:gd name="connsiteX5" fmla="*/ 767878 w 2930400"/>
                <a:gd name="connsiteY5" fmla="*/ 2754079 h 2754079"/>
                <a:gd name="connsiteX6" fmla="*/ 766799 w 2930400"/>
                <a:gd name="connsiteY6" fmla="*/ 2753559 h 2754079"/>
                <a:gd name="connsiteX7" fmla="*/ 0 w 2930400"/>
                <a:gd name="connsiteY7" fmla="*/ 1465200 h 2754079"/>
                <a:gd name="connsiteX8" fmla="*/ 1465200 w 2930400"/>
                <a:gd name="connsiteY8" fmla="*/ 0 h 27540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930400" h="2754079">
                  <a:moveTo>
                    <a:pt x="1465200" y="0"/>
                  </a:moveTo>
                  <a:cubicBezTo>
                    <a:pt x="2274408" y="0"/>
                    <a:pt x="2930400" y="655992"/>
                    <a:pt x="2930400" y="1465200"/>
                  </a:cubicBezTo>
                  <a:lnTo>
                    <a:pt x="2924567" y="1580719"/>
                  </a:lnTo>
                  <a:lnTo>
                    <a:pt x="2662531" y="1593950"/>
                  </a:lnTo>
                  <a:cubicBezTo>
                    <a:pt x="1883758" y="1673039"/>
                    <a:pt x="1207617" y="2099294"/>
                    <a:pt x="791307" y="2715513"/>
                  </a:cubicBezTo>
                  <a:lnTo>
                    <a:pt x="767878" y="2754079"/>
                  </a:lnTo>
                  <a:lnTo>
                    <a:pt x="766799" y="2753559"/>
                  </a:lnTo>
                  <a:cubicBezTo>
                    <a:pt x="310059" y="2505443"/>
                    <a:pt x="0" y="2021531"/>
                    <a:pt x="0" y="1465200"/>
                  </a:cubicBezTo>
                  <a:cubicBezTo>
                    <a:pt x="0" y="655992"/>
                    <a:pt x="655992" y="0"/>
                    <a:pt x="1465200" y="0"/>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23" name="Kombinationstegning: figur 122">
              <a:extLst>
                <a:ext uri="{FF2B5EF4-FFF2-40B4-BE49-F238E27FC236}">
                  <a16:creationId xmlns:a16="http://schemas.microsoft.com/office/drawing/2014/main" id="{B659FA51-1C9F-457F-8A3D-5DD946F63103}"/>
                </a:ext>
              </a:extLst>
            </p:cNvPr>
            <p:cNvSpPr>
              <a:spLocks noChangeAspect="1"/>
            </p:cNvSpPr>
            <p:nvPr/>
          </p:nvSpPr>
          <p:spPr>
            <a:xfrm>
              <a:off x="8370783" y="3081879"/>
              <a:ext cx="3821218" cy="3776121"/>
            </a:xfrm>
            <a:custGeom>
              <a:avLst/>
              <a:gdLst>
                <a:gd name="connsiteX0" fmla="*/ 2573999 w 3821218"/>
                <a:gd name="connsiteY0" fmla="*/ 0 h 3791825"/>
                <a:gd name="connsiteX1" fmla="*/ 3800920 w 3821218"/>
                <a:gd name="connsiteY1" fmla="*/ 310668 h 3791825"/>
                <a:gd name="connsiteX2" fmla="*/ 3821218 w 3821218"/>
                <a:gd name="connsiteY2" fmla="*/ 322999 h 3791825"/>
                <a:gd name="connsiteX3" fmla="*/ 3821218 w 3821218"/>
                <a:gd name="connsiteY3" fmla="*/ 3791825 h 3791825"/>
                <a:gd name="connsiteX4" fmla="*/ 306285 w 3821218"/>
                <a:gd name="connsiteY4" fmla="*/ 3791825 h 3791825"/>
                <a:gd name="connsiteX5" fmla="*/ 202277 w 3821218"/>
                <a:gd name="connsiteY5" fmla="*/ 3575917 h 3791825"/>
                <a:gd name="connsiteX6" fmla="*/ 0 w 3821218"/>
                <a:gd name="connsiteY6" fmla="*/ 2574000 h 3791825"/>
                <a:gd name="connsiteX7" fmla="*/ 310667 w 3821218"/>
                <a:gd name="connsiteY7" fmla="*/ 1347079 h 3791825"/>
                <a:gd name="connsiteX8" fmla="*/ 416169 w 3821218"/>
                <a:gd name="connsiteY8" fmla="*/ 1173418 h 3791825"/>
                <a:gd name="connsiteX9" fmla="*/ 543169 w 3821218"/>
                <a:gd name="connsiteY9" fmla="*/ 1234597 h 3791825"/>
                <a:gd name="connsiteX10" fmla="*/ 1113491 w 3821218"/>
                <a:gd name="connsiteY10" fmla="*/ 1349739 h 3791825"/>
                <a:gd name="connsiteX11" fmla="*/ 2571126 w 3821218"/>
                <a:gd name="connsiteY11" fmla="*/ 34347 h 3791825"/>
                <a:gd name="connsiteX12" fmla="*/ 2572858 w 3821218"/>
                <a:gd name="connsiteY12" fmla="*/ 58 h 37918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821218" h="3791825">
                  <a:moveTo>
                    <a:pt x="2573999" y="0"/>
                  </a:moveTo>
                  <a:cubicBezTo>
                    <a:pt x="3018243" y="0"/>
                    <a:pt x="3436202" y="112541"/>
                    <a:pt x="3800920" y="310668"/>
                  </a:cubicBezTo>
                  <a:lnTo>
                    <a:pt x="3821218" y="322999"/>
                  </a:lnTo>
                  <a:lnTo>
                    <a:pt x="3821218" y="3791825"/>
                  </a:lnTo>
                  <a:lnTo>
                    <a:pt x="306285" y="3791825"/>
                  </a:lnTo>
                  <a:lnTo>
                    <a:pt x="202277" y="3575917"/>
                  </a:lnTo>
                  <a:cubicBezTo>
                    <a:pt x="72025" y="3267968"/>
                    <a:pt x="0" y="2929396"/>
                    <a:pt x="0" y="2574000"/>
                  </a:cubicBezTo>
                  <a:cubicBezTo>
                    <a:pt x="0" y="2129756"/>
                    <a:pt x="112540" y="1711798"/>
                    <a:pt x="310667" y="1347079"/>
                  </a:cubicBezTo>
                  <a:lnTo>
                    <a:pt x="416169" y="1173418"/>
                  </a:lnTo>
                  <a:lnTo>
                    <a:pt x="543169" y="1234597"/>
                  </a:lnTo>
                  <a:cubicBezTo>
                    <a:pt x="718463" y="1308740"/>
                    <a:pt x="911189" y="1349739"/>
                    <a:pt x="1113491" y="1349739"/>
                  </a:cubicBezTo>
                  <a:cubicBezTo>
                    <a:pt x="1872124" y="1349739"/>
                    <a:pt x="2496094" y="773184"/>
                    <a:pt x="2571126" y="34347"/>
                  </a:cubicBezTo>
                  <a:lnTo>
                    <a:pt x="2572858" y="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24" name="Kombinationstegning: figur 123">
              <a:extLst>
                <a:ext uri="{FF2B5EF4-FFF2-40B4-BE49-F238E27FC236}">
                  <a16:creationId xmlns:a16="http://schemas.microsoft.com/office/drawing/2014/main" id="{CC4E95C8-EAB6-472E-A78A-8ACB98712DB5}"/>
                </a:ext>
              </a:extLst>
            </p:cNvPr>
            <p:cNvSpPr/>
            <p:nvPr/>
          </p:nvSpPr>
          <p:spPr>
            <a:xfrm>
              <a:off x="5743202" y="4610930"/>
              <a:ext cx="2842956" cy="2247070"/>
            </a:xfrm>
            <a:custGeom>
              <a:avLst/>
              <a:gdLst>
                <a:gd name="connsiteX0" fmla="*/ 2556865 w 2842956"/>
                <a:gd name="connsiteY0" fmla="*/ 0 h 2247070"/>
                <a:gd name="connsiteX1" fmla="*/ 2788149 w 2842956"/>
                <a:gd name="connsiteY1" fmla="*/ 10223 h 2247070"/>
                <a:gd name="connsiteX2" fmla="*/ 2842956 w 2842956"/>
                <a:gd name="connsiteY2" fmla="*/ 17533 h 2247070"/>
                <a:gd name="connsiteX3" fmla="*/ 2803581 w 2842956"/>
                <a:gd name="connsiteY3" fmla="*/ 101901 h 2247070"/>
                <a:gd name="connsiteX4" fmla="*/ 2645720 w 2842956"/>
                <a:gd name="connsiteY4" fmla="*/ 717888 h 2247070"/>
                <a:gd name="connsiteX5" fmla="*/ 2642574 w 2842956"/>
                <a:gd name="connsiteY5" fmla="*/ 767774 h 2247070"/>
                <a:gd name="connsiteX6" fmla="*/ 2556865 w 2842956"/>
                <a:gd name="connsiteY6" fmla="*/ 763986 h 2247070"/>
                <a:gd name="connsiteX7" fmla="*/ 776904 w 2842956"/>
                <a:gd name="connsiteY7" fmla="*/ 2214697 h 2247070"/>
                <a:gd name="connsiteX8" fmla="*/ 771963 w 2842956"/>
                <a:gd name="connsiteY8" fmla="*/ 2247070 h 2247070"/>
                <a:gd name="connsiteX9" fmla="*/ 0 w 2842956"/>
                <a:gd name="connsiteY9" fmla="*/ 2247070 h 2247070"/>
                <a:gd name="connsiteX10" fmla="*/ 28439 w 2842956"/>
                <a:gd name="connsiteY10" fmla="*/ 2060727 h 2247070"/>
                <a:gd name="connsiteX11" fmla="*/ 2556865 w 2842956"/>
                <a:gd name="connsiteY11" fmla="*/ 0 h 2247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842956" h="2247070">
                  <a:moveTo>
                    <a:pt x="2556865" y="0"/>
                  </a:moveTo>
                  <a:cubicBezTo>
                    <a:pt x="2634815" y="0"/>
                    <a:pt x="2711958" y="3456"/>
                    <a:pt x="2788149" y="10223"/>
                  </a:cubicBezTo>
                  <a:lnTo>
                    <a:pt x="2842956" y="17533"/>
                  </a:lnTo>
                  <a:lnTo>
                    <a:pt x="2803581" y="101901"/>
                  </a:lnTo>
                  <a:cubicBezTo>
                    <a:pt x="2726756" y="296728"/>
                    <a:pt x="2673013" y="503180"/>
                    <a:pt x="2645720" y="717888"/>
                  </a:cubicBezTo>
                  <a:lnTo>
                    <a:pt x="2642574" y="767774"/>
                  </a:lnTo>
                  <a:lnTo>
                    <a:pt x="2556865" y="763986"/>
                  </a:lnTo>
                  <a:cubicBezTo>
                    <a:pt x="1678862" y="763986"/>
                    <a:pt x="946321" y="1386778"/>
                    <a:pt x="776904" y="2214697"/>
                  </a:cubicBezTo>
                  <a:lnTo>
                    <a:pt x="771963" y="2247070"/>
                  </a:lnTo>
                  <a:lnTo>
                    <a:pt x="0" y="2247070"/>
                  </a:lnTo>
                  <a:lnTo>
                    <a:pt x="28439" y="2060727"/>
                  </a:lnTo>
                  <a:cubicBezTo>
                    <a:pt x="269095" y="884672"/>
                    <a:pt x="1309667" y="0"/>
                    <a:pt x="2556865"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
          <p:nvSpPr>
            <p:cNvPr id="125" name="Kombinationstegning: figur 124">
              <a:extLst>
                <a:ext uri="{FF2B5EF4-FFF2-40B4-BE49-F238E27FC236}">
                  <a16:creationId xmlns:a16="http://schemas.microsoft.com/office/drawing/2014/main" id="{AAA7CC1B-0665-433E-8FA4-1C0701458517}"/>
                </a:ext>
              </a:extLst>
            </p:cNvPr>
            <p:cNvSpPr>
              <a:spLocks noChangeAspect="1"/>
            </p:cNvSpPr>
            <p:nvPr/>
          </p:nvSpPr>
          <p:spPr>
            <a:xfrm>
              <a:off x="8383200" y="4628463"/>
              <a:ext cx="2471156" cy="2229537"/>
            </a:xfrm>
            <a:custGeom>
              <a:avLst/>
              <a:gdLst>
                <a:gd name="connsiteX0" fmla="*/ 200382 w 2471156"/>
                <a:gd name="connsiteY0" fmla="*/ 0 h 2229537"/>
                <a:gd name="connsiteX1" fmla="*/ 371146 w 2471156"/>
                <a:gd name="connsiteY1" fmla="*/ 22778 h 2229537"/>
                <a:gd name="connsiteX2" fmla="*/ 2442717 w 2471156"/>
                <a:gd name="connsiteY2" fmla="*/ 2043194 h 2229537"/>
                <a:gd name="connsiteX3" fmla="*/ 2471156 w 2471156"/>
                <a:gd name="connsiteY3" fmla="*/ 2229537 h 2229537"/>
                <a:gd name="connsiteX4" fmla="*/ 1699193 w 2471156"/>
                <a:gd name="connsiteY4" fmla="*/ 2229537 h 2229537"/>
                <a:gd name="connsiteX5" fmla="*/ 1694252 w 2471156"/>
                <a:gd name="connsiteY5" fmla="*/ 2197164 h 2229537"/>
                <a:gd name="connsiteX6" fmla="*/ 77110 w 2471156"/>
                <a:gd name="connsiteY6" fmla="*/ 753650 h 2229537"/>
                <a:gd name="connsiteX7" fmla="*/ 0 w 2471156"/>
                <a:gd name="connsiteY7" fmla="*/ 750241 h 2229537"/>
                <a:gd name="connsiteX8" fmla="*/ 3146 w 2471156"/>
                <a:gd name="connsiteY8" fmla="*/ 700355 h 2229537"/>
                <a:gd name="connsiteX9" fmla="*/ 161007 w 2471156"/>
                <a:gd name="connsiteY9" fmla="*/ 84368 h 2229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471156" h="2229537">
                  <a:moveTo>
                    <a:pt x="200382" y="0"/>
                  </a:moveTo>
                  <a:lnTo>
                    <a:pt x="371146" y="22778"/>
                  </a:lnTo>
                  <a:cubicBezTo>
                    <a:pt x="1409134" y="208188"/>
                    <a:pt x="2232144" y="1014146"/>
                    <a:pt x="2442717" y="2043194"/>
                  </a:cubicBezTo>
                  <a:lnTo>
                    <a:pt x="2471156" y="2229537"/>
                  </a:lnTo>
                  <a:lnTo>
                    <a:pt x="1699193" y="2229537"/>
                  </a:lnTo>
                  <a:lnTo>
                    <a:pt x="1694252" y="2197164"/>
                  </a:lnTo>
                  <a:cubicBezTo>
                    <a:pt x="1535424" y="1420990"/>
                    <a:pt x="881662" y="825104"/>
                    <a:pt x="77110" y="753650"/>
                  </a:cubicBezTo>
                  <a:lnTo>
                    <a:pt x="0" y="750241"/>
                  </a:lnTo>
                  <a:lnTo>
                    <a:pt x="3146" y="700355"/>
                  </a:lnTo>
                  <a:cubicBezTo>
                    <a:pt x="30439" y="485647"/>
                    <a:pt x="84182" y="279195"/>
                    <a:pt x="161007" y="84368"/>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126" name="Kombinationstegning: figur 125">
              <a:extLst>
                <a:ext uri="{FF2B5EF4-FFF2-40B4-BE49-F238E27FC236}">
                  <a16:creationId xmlns:a16="http://schemas.microsoft.com/office/drawing/2014/main" id="{52968878-409C-44C7-83B2-42C214FD1785}"/>
                </a:ext>
              </a:extLst>
            </p:cNvPr>
            <p:cNvSpPr/>
            <p:nvPr/>
          </p:nvSpPr>
          <p:spPr>
            <a:xfrm>
              <a:off x="6325609" y="4146411"/>
              <a:ext cx="1182864" cy="1183004"/>
            </a:xfrm>
            <a:custGeom>
              <a:avLst/>
              <a:gdLst>
                <a:gd name="connsiteX0" fmla="*/ 567550 w 1182865"/>
                <a:gd name="connsiteY0" fmla="*/ 22225 h 1183004"/>
                <a:gd name="connsiteX1" fmla="*/ 589648 w 1182865"/>
                <a:gd name="connsiteY1" fmla="*/ 0 h 1183004"/>
                <a:gd name="connsiteX2" fmla="*/ 611746 w 1182865"/>
                <a:gd name="connsiteY2" fmla="*/ 22098 h 1183004"/>
                <a:gd name="connsiteX3" fmla="*/ 589775 w 1182865"/>
                <a:gd name="connsiteY3" fmla="*/ 44196 h 1183004"/>
                <a:gd name="connsiteX4" fmla="*/ 589648 w 1182865"/>
                <a:gd name="connsiteY4" fmla="*/ 44196 h 1183004"/>
                <a:gd name="connsiteX5" fmla="*/ 567550 w 1182865"/>
                <a:gd name="connsiteY5" fmla="*/ 22225 h 1183004"/>
                <a:gd name="connsiteX6" fmla="*/ 696455 w 1182865"/>
                <a:gd name="connsiteY6" fmla="*/ 54356 h 1183004"/>
                <a:gd name="connsiteX7" fmla="*/ 679056 w 1182865"/>
                <a:gd name="connsiteY7" fmla="*/ 28448 h 1183004"/>
                <a:gd name="connsiteX8" fmla="*/ 704964 w 1182865"/>
                <a:gd name="connsiteY8" fmla="*/ 10922 h 1183004"/>
                <a:gd name="connsiteX9" fmla="*/ 722363 w 1182865"/>
                <a:gd name="connsiteY9" fmla="*/ 36830 h 1183004"/>
                <a:gd name="connsiteX10" fmla="*/ 700773 w 1182865"/>
                <a:gd name="connsiteY10" fmla="*/ 54737 h 1183004"/>
                <a:gd name="connsiteX11" fmla="*/ 696455 w 1182865"/>
                <a:gd name="connsiteY11" fmla="*/ 54356 h 1183004"/>
                <a:gd name="connsiteX12" fmla="*/ 457073 w 1182865"/>
                <a:gd name="connsiteY12" fmla="*/ 37719 h 1183004"/>
                <a:gd name="connsiteX13" fmla="*/ 474332 w 1182865"/>
                <a:gd name="connsiteY13" fmla="*/ 11684 h 1183004"/>
                <a:gd name="connsiteX14" fmla="*/ 500367 w 1182865"/>
                <a:gd name="connsiteY14" fmla="*/ 28956 h 1183004"/>
                <a:gd name="connsiteX15" fmla="*/ 482981 w 1182865"/>
                <a:gd name="connsiteY15" fmla="*/ 54991 h 1183004"/>
                <a:gd name="connsiteX16" fmla="*/ 478650 w 1182865"/>
                <a:gd name="connsiteY16" fmla="*/ 55372 h 1183004"/>
                <a:gd name="connsiteX17" fmla="*/ 457073 w 1182865"/>
                <a:gd name="connsiteY17" fmla="*/ 37719 h 1183004"/>
                <a:gd name="connsiteX18" fmla="*/ 799198 w 1182865"/>
                <a:gd name="connsiteY18" fmla="*/ 84963 h 1183004"/>
                <a:gd name="connsiteX19" fmla="*/ 787133 w 1182865"/>
                <a:gd name="connsiteY19" fmla="*/ 56134 h 1183004"/>
                <a:gd name="connsiteX20" fmla="*/ 815975 w 1182865"/>
                <a:gd name="connsiteY20" fmla="*/ 44196 h 1183004"/>
                <a:gd name="connsiteX21" fmla="*/ 828040 w 1182865"/>
                <a:gd name="connsiteY21" fmla="*/ 73025 h 1183004"/>
                <a:gd name="connsiteX22" fmla="*/ 807580 w 1182865"/>
                <a:gd name="connsiteY22" fmla="*/ 86741 h 1183004"/>
                <a:gd name="connsiteX23" fmla="*/ 799198 w 1182865"/>
                <a:gd name="connsiteY23" fmla="*/ 84963 h 1183004"/>
                <a:gd name="connsiteX24" fmla="*/ 351650 w 1182865"/>
                <a:gd name="connsiteY24" fmla="*/ 74549 h 1183004"/>
                <a:gd name="connsiteX25" fmla="*/ 363474 w 1182865"/>
                <a:gd name="connsiteY25" fmla="*/ 45593 h 1183004"/>
                <a:gd name="connsiteX26" fmla="*/ 392417 w 1182865"/>
                <a:gd name="connsiteY26" fmla="*/ 57404 h 1183004"/>
                <a:gd name="connsiteX27" fmla="*/ 380492 w 1182865"/>
                <a:gd name="connsiteY27" fmla="*/ 86360 h 1183004"/>
                <a:gd name="connsiteX28" fmla="*/ 371983 w 1182865"/>
                <a:gd name="connsiteY28" fmla="*/ 88011 h 1183004"/>
                <a:gd name="connsiteX29" fmla="*/ 351650 w 1182865"/>
                <a:gd name="connsiteY29" fmla="*/ 74549 h 1183004"/>
                <a:gd name="connsiteX30" fmla="*/ 893940 w 1182865"/>
                <a:gd name="connsiteY30" fmla="*/ 135255 h 1183004"/>
                <a:gd name="connsiteX31" fmla="*/ 887717 w 1182865"/>
                <a:gd name="connsiteY31" fmla="*/ 104648 h 1183004"/>
                <a:gd name="connsiteX32" fmla="*/ 918324 w 1182865"/>
                <a:gd name="connsiteY32" fmla="*/ 98552 h 1183004"/>
                <a:gd name="connsiteX33" fmla="*/ 924547 w 1182865"/>
                <a:gd name="connsiteY33" fmla="*/ 129159 h 1183004"/>
                <a:gd name="connsiteX34" fmla="*/ 906132 w 1182865"/>
                <a:gd name="connsiteY34" fmla="*/ 139065 h 1183004"/>
                <a:gd name="connsiteX35" fmla="*/ 893940 w 1182865"/>
                <a:gd name="connsiteY35" fmla="*/ 135255 h 1183004"/>
                <a:gd name="connsiteX36" fmla="*/ 255524 w 1182865"/>
                <a:gd name="connsiteY36" fmla="*/ 131318 h 1183004"/>
                <a:gd name="connsiteX37" fmla="*/ 261480 w 1182865"/>
                <a:gd name="connsiteY37" fmla="*/ 100584 h 1183004"/>
                <a:gd name="connsiteX38" fmla="*/ 292214 w 1182865"/>
                <a:gd name="connsiteY38" fmla="*/ 106553 h 1183004"/>
                <a:gd name="connsiteX39" fmla="*/ 286131 w 1182865"/>
                <a:gd name="connsiteY39" fmla="*/ 137287 h 1183004"/>
                <a:gd name="connsiteX40" fmla="*/ 273799 w 1182865"/>
                <a:gd name="connsiteY40" fmla="*/ 140970 h 1183004"/>
                <a:gd name="connsiteX41" fmla="*/ 255524 w 1182865"/>
                <a:gd name="connsiteY41" fmla="*/ 131318 h 1183004"/>
                <a:gd name="connsiteX42" fmla="*/ 976998 w 1182865"/>
                <a:gd name="connsiteY42" fmla="*/ 203073 h 1183004"/>
                <a:gd name="connsiteX43" fmla="*/ 976998 w 1182865"/>
                <a:gd name="connsiteY43" fmla="*/ 203073 h 1183004"/>
                <a:gd name="connsiteX44" fmla="*/ 976871 w 1182865"/>
                <a:gd name="connsiteY44" fmla="*/ 171831 h 1183004"/>
                <a:gd name="connsiteX45" fmla="*/ 1008113 w 1182865"/>
                <a:gd name="connsiteY45" fmla="*/ 171704 h 1183004"/>
                <a:gd name="connsiteX46" fmla="*/ 1008240 w 1182865"/>
                <a:gd name="connsiteY46" fmla="*/ 202946 h 1183004"/>
                <a:gd name="connsiteX47" fmla="*/ 992632 w 1182865"/>
                <a:gd name="connsiteY47" fmla="*/ 209550 h 1183004"/>
                <a:gd name="connsiteX48" fmla="*/ 976998 w 1182865"/>
                <a:gd name="connsiteY48" fmla="*/ 203073 h 1183004"/>
                <a:gd name="connsiteX49" fmla="*/ 172199 w 1182865"/>
                <a:gd name="connsiteY49" fmla="*/ 205613 h 1183004"/>
                <a:gd name="connsiteX50" fmla="*/ 172199 w 1182865"/>
                <a:gd name="connsiteY50" fmla="*/ 174371 h 1183004"/>
                <a:gd name="connsiteX51" fmla="*/ 203441 w 1182865"/>
                <a:gd name="connsiteY51" fmla="*/ 174244 h 1183004"/>
                <a:gd name="connsiteX52" fmla="*/ 203441 w 1182865"/>
                <a:gd name="connsiteY52" fmla="*/ 205486 h 1183004"/>
                <a:gd name="connsiteX53" fmla="*/ 187833 w 1182865"/>
                <a:gd name="connsiteY53" fmla="*/ 212090 h 1183004"/>
                <a:gd name="connsiteX54" fmla="*/ 172199 w 1182865"/>
                <a:gd name="connsiteY54" fmla="*/ 205613 h 1183004"/>
                <a:gd name="connsiteX55" fmla="*/ 1045464 w 1182865"/>
                <a:gd name="connsiteY55" fmla="*/ 285750 h 1183004"/>
                <a:gd name="connsiteX56" fmla="*/ 1051306 w 1182865"/>
                <a:gd name="connsiteY56" fmla="*/ 255016 h 1183004"/>
                <a:gd name="connsiteX57" fmla="*/ 1082040 w 1182865"/>
                <a:gd name="connsiteY57" fmla="*/ 260985 h 1183004"/>
                <a:gd name="connsiteX58" fmla="*/ 1076058 w 1182865"/>
                <a:gd name="connsiteY58" fmla="*/ 291719 h 1183004"/>
                <a:gd name="connsiteX59" fmla="*/ 1063739 w 1182865"/>
                <a:gd name="connsiteY59" fmla="*/ 295402 h 1183004"/>
                <a:gd name="connsiteX60" fmla="*/ 1045464 w 1182865"/>
                <a:gd name="connsiteY60" fmla="*/ 285750 h 1183004"/>
                <a:gd name="connsiteX61" fmla="*/ 104889 w 1182865"/>
                <a:gd name="connsiteY61" fmla="*/ 294767 h 1183004"/>
                <a:gd name="connsiteX62" fmla="*/ 98806 w 1182865"/>
                <a:gd name="connsiteY62" fmla="*/ 264160 h 1183004"/>
                <a:gd name="connsiteX63" fmla="*/ 129400 w 1182865"/>
                <a:gd name="connsiteY63" fmla="*/ 257937 h 1183004"/>
                <a:gd name="connsiteX64" fmla="*/ 135623 w 1182865"/>
                <a:gd name="connsiteY64" fmla="*/ 288544 h 1183004"/>
                <a:gd name="connsiteX65" fmla="*/ 117208 w 1182865"/>
                <a:gd name="connsiteY65" fmla="*/ 298450 h 1183004"/>
                <a:gd name="connsiteX66" fmla="*/ 104889 w 1182865"/>
                <a:gd name="connsiteY66" fmla="*/ 294767 h 1183004"/>
                <a:gd name="connsiteX67" fmla="*/ 1096391 w 1182865"/>
                <a:gd name="connsiteY67" fmla="*/ 380111 h 1183004"/>
                <a:gd name="connsiteX68" fmla="*/ 1108189 w 1182865"/>
                <a:gd name="connsiteY68" fmla="*/ 351155 h 1183004"/>
                <a:gd name="connsiteX69" fmla="*/ 1137158 w 1182865"/>
                <a:gd name="connsiteY69" fmla="*/ 362966 h 1183004"/>
                <a:gd name="connsiteX70" fmla="*/ 1125347 w 1182865"/>
                <a:gd name="connsiteY70" fmla="*/ 391922 h 1183004"/>
                <a:gd name="connsiteX71" fmla="*/ 1116825 w 1182865"/>
                <a:gd name="connsiteY71" fmla="*/ 393573 h 1183004"/>
                <a:gd name="connsiteX72" fmla="*/ 1096391 w 1182865"/>
                <a:gd name="connsiteY72" fmla="*/ 380111 h 1183004"/>
                <a:gd name="connsiteX73" fmla="*/ 56375 w 1182865"/>
                <a:gd name="connsiteY73" fmla="*/ 395224 h 1183004"/>
                <a:gd name="connsiteX74" fmla="*/ 44323 w 1182865"/>
                <a:gd name="connsiteY74" fmla="*/ 366395 h 1183004"/>
                <a:gd name="connsiteX75" fmla="*/ 73139 w 1182865"/>
                <a:gd name="connsiteY75" fmla="*/ 354457 h 1183004"/>
                <a:gd name="connsiteX76" fmla="*/ 85217 w 1182865"/>
                <a:gd name="connsiteY76" fmla="*/ 383286 h 1183004"/>
                <a:gd name="connsiteX77" fmla="*/ 64757 w 1182865"/>
                <a:gd name="connsiteY77" fmla="*/ 396875 h 1183004"/>
                <a:gd name="connsiteX78" fmla="*/ 56375 w 1182865"/>
                <a:gd name="connsiteY78" fmla="*/ 395224 h 1183004"/>
                <a:gd name="connsiteX79" fmla="*/ 1127874 w 1182865"/>
                <a:gd name="connsiteY79" fmla="*/ 482473 h 1183004"/>
                <a:gd name="connsiteX80" fmla="*/ 1145146 w 1182865"/>
                <a:gd name="connsiteY80" fmla="*/ 456438 h 1183004"/>
                <a:gd name="connsiteX81" fmla="*/ 1171181 w 1182865"/>
                <a:gd name="connsiteY81" fmla="*/ 473710 h 1183004"/>
                <a:gd name="connsiteX82" fmla="*/ 1153922 w 1182865"/>
                <a:gd name="connsiteY82" fmla="*/ 499745 h 1183004"/>
                <a:gd name="connsiteX83" fmla="*/ 1149464 w 1182865"/>
                <a:gd name="connsiteY83" fmla="*/ 500253 h 1183004"/>
                <a:gd name="connsiteX84" fmla="*/ 1127874 w 1182865"/>
                <a:gd name="connsiteY84" fmla="*/ 482473 h 1183004"/>
                <a:gd name="connsiteX85" fmla="*/ 28448 w 1182865"/>
                <a:gd name="connsiteY85" fmla="*/ 503301 h 1183004"/>
                <a:gd name="connsiteX86" fmla="*/ 11049 w 1182865"/>
                <a:gd name="connsiteY86" fmla="*/ 477393 h 1183004"/>
                <a:gd name="connsiteX87" fmla="*/ 36957 w 1182865"/>
                <a:gd name="connsiteY87" fmla="*/ 459994 h 1183004"/>
                <a:gd name="connsiteX88" fmla="*/ 54356 w 1182865"/>
                <a:gd name="connsiteY88" fmla="*/ 485902 h 1183004"/>
                <a:gd name="connsiteX89" fmla="*/ 32766 w 1182865"/>
                <a:gd name="connsiteY89" fmla="*/ 503809 h 1183004"/>
                <a:gd name="connsiteX90" fmla="*/ 28448 w 1182865"/>
                <a:gd name="connsiteY90" fmla="*/ 503301 h 1183004"/>
                <a:gd name="connsiteX91" fmla="*/ 1138682 w 1182865"/>
                <a:gd name="connsiteY91" fmla="*/ 591566 h 1183004"/>
                <a:gd name="connsiteX92" fmla="*/ 1138796 w 1182865"/>
                <a:gd name="connsiteY92" fmla="*/ 590296 h 1183004"/>
                <a:gd name="connsiteX93" fmla="*/ 1138682 w 1182865"/>
                <a:gd name="connsiteY93" fmla="*/ 589153 h 1183004"/>
                <a:gd name="connsiteX94" fmla="*/ 1160767 w 1182865"/>
                <a:gd name="connsiteY94" fmla="*/ 567055 h 1183004"/>
                <a:gd name="connsiteX95" fmla="*/ 1182865 w 1182865"/>
                <a:gd name="connsiteY95" fmla="*/ 589026 h 1183004"/>
                <a:gd name="connsiteX96" fmla="*/ 1182865 w 1182865"/>
                <a:gd name="connsiteY96" fmla="*/ 590296 h 1183004"/>
                <a:gd name="connsiteX97" fmla="*/ 1182865 w 1182865"/>
                <a:gd name="connsiteY97" fmla="*/ 591566 h 1183004"/>
                <a:gd name="connsiteX98" fmla="*/ 1160767 w 1182865"/>
                <a:gd name="connsiteY98" fmla="*/ 613664 h 1183004"/>
                <a:gd name="connsiteX99" fmla="*/ 1138682 w 1182865"/>
                <a:gd name="connsiteY99" fmla="*/ 591566 h 1183004"/>
                <a:gd name="connsiteX100" fmla="*/ 0 w 1182865"/>
                <a:gd name="connsiteY100" fmla="*/ 592709 h 1183004"/>
                <a:gd name="connsiteX101" fmla="*/ 22098 w 1182865"/>
                <a:gd name="connsiteY101" fmla="*/ 570611 h 1183004"/>
                <a:gd name="connsiteX102" fmla="*/ 44183 w 1182865"/>
                <a:gd name="connsiteY102" fmla="*/ 592709 h 1183004"/>
                <a:gd name="connsiteX103" fmla="*/ 22225 w 1182865"/>
                <a:gd name="connsiteY103" fmla="*/ 614807 h 1183004"/>
                <a:gd name="connsiteX104" fmla="*/ 0 w 1182865"/>
                <a:gd name="connsiteY104" fmla="*/ 592709 h 1183004"/>
                <a:gd name="connsiteX105" fmla="*/ 1145781 w 1182865"/>
                <a:gd name="connsiteY105" fmla="*/ 724154 h 1183004"/>
                <a:gd name="connsiteX106" fmla="*/ 1128255 w 1182865"/>
                <a:gd name="connsiteY106" fmla="*/ 698246 h 1183004"/>
                <a:gd name="connsiteX107" fmla="*/ 1154290 w 1182865"/>
                <a:gd name="connsiteY107" fmla="*/ 680847 h 1183004"/>
                <a:gd name="connsiteX108" fmla="*/ 1171689 w 1182865"/>
                <a:gd name="connsiteY108" fmla="*/ 706755 h 1183004"/>
                <a:gd name="connsiteX109" fmla="*/ 1149972 w 1182865"/>
                <a:gd name="connsiteY109" fmla="*/ 724662 h 1183004"/>
                <a:gd name="connsiteX110" fmla="*/ 1145781 w 1182865"/>
                <a:gd name="connsiteY110" fmla="*/ 724154 h 1183004"/>
                <a:gd name="connsiteX111" fmla="*/ 11557 w 1182865"/>
                <a:gd name="connsiteY111" fmla="*/ 708025 h 1183004"/>
                <a:gd name="connsiteX112" fmla="*/ 28816 w 1182865"/>
                <a:gd name="connsiteY112" fmla="*/ 681990 h 1183004"/>
                <a:gd name="connsiteX113" fmla="*/ 54864 w 1182865"/>
                <a:gd name="connsiteY113" fmla="*/ 699389 h 1183004"/>
                <a:gd name="connsiteX114" fmla="*/ 37465 w 1182865"/>
                <a:gd name="connsiteY114" fmla="*/ 725297 h 1183004"/>
                <a:gd name="connsiteX115" fmla="*/ 33147 w 1182865"/>
                <a:gd name="connsiteY115" fmla="*/ 725805 h 1183004"/>
                <a:gd name="connsiteX116" fmla="*/ 11557 w 1182865"/>
                <a:gd name="connsiteY116" fmla="*/ 708025 h 1183004"/>
                <a:gd name="connsiteX117" fmla="*/ 1109205 w 1182865"/>
                <a:gd name="connsiteY117" fmla="*/ 829691 h 1183004"/>
                <a:gd name="connsiteX118" fmla="*/ 1097267 w 1182865"/>
                <a:gd name="connsiteY118" fmla="*/ 800862 h 1183004"/>
                <a:gd name="connsiteX119" fmla="*/ 1126096 w 1182865"/>
                <a:gd name="connsiteY119" fmla="*/ 788924 h 1183004"/>
                <a:gd name="connsiteX120" fmla="*/ 1138174 w 1182865"/>
                <a:gd name="connsiteY120" fmla="*/ 817753 h 1183004"/>
                <a:gd name="connsiteX121" fmla="*/ 1138047 w 1182865"/>
                <a:gd name="connsiteY121" fmla="*/ 817753 h 1183004"/>
                <a:gd name="connsiteX122" fmla="*/ 1117714 w 1182865"/>
                <a:gd name="connsiteY122" fmla="*/ 831342 h 1183004"/>
                <a:gd name="connsiteX123" fmla="*/ 1109205 w 1182865"/>
                <a:gd name="connsiteY123" fmla="*/ 829691 h 1183004"/>
                <a:gd name="connsiteX124" fmla="*/ 45339 w 1182865"/>
                <a:gd name="connsiteY124" fmla="*/ 818896 h 1183004"/>
                <a:gd name="connsiteX125" fmla="*/ 57150 w 1182865"/>
                <a:gd name="connsiteY125" fmla="*/ 790067 h 1183004"/>
                <a:gd name="connsiteX126" fmla="*/ 86106 w 1182865"/>
                <a:gd name="connsiteY126" fmla="*/ 801878 h 1183004"/>
                <a:gd name="connsiteX127" fmla="*/ 74155 w 1182865"/>
                <a:gd name="connsiteY127" fmla="*/ 830834 h 1183004"/>
                <a:gd name="connsiteX128" fmla="*/ 65646 w 1182865"/>
                <a:gd name="connsiteY128" fmla="*/ 832485 h 1183004"/>
                <a:gd name="connsiteX129" fmla="*/ 45339 w 1182865"/>
                <a:gd name="connsiteY129" fmla="*/ 818896 h 1183004"/>
                <a:gd name="connsiteX130" fmla="*/ 1052817 w 1182865"/>
                <a:gd name="connsiteY130" fmla="*/ 925957 h 1183004"/>
                <a:gd name="connsiteX131" fmla="*/ 1046721 w 1182865"/>
                <a:gd name="connsiteY131" fmla="*/ 895350 h 1183004"/>
                <a:gd name="connsiteX132" fmla="*/ 1077341 w 1182865"/>
                <a:gd name="connsiteY132" fmla="*/ 889254 h 1183004"/>
                <a:gd name="connsiteX133" fmla="*/ 1083424 w 1182865"/>
                <a:gd name="connsiteY133" fmla="*/ 919988 h 1183004"/>
                <a:gd name="connsiteX134" fmla="*/ 1065022 w 1182865"/>
                <a:gd name="connsiteY134" fmla="*/ 929767 h 1183004"/>
                <a:gd name="connsiteX135" fmla="*/ 1052817 w 1182865"/>
                <a:gd name="connsiteY135" fmla="*/ 925957 h 1183004"/>
                <a:gd name="connsiteX136" fmla="*/ 100190 w 1182865"/>
                <a:gd name="connsiteY136" fmla="*/ 921004 h 1183004"/>
                <a:gd name="connsiteX137" fmla="*/ 106172 w 1182865"/>
                <a:gd name="connsiteY137" fmla="*/ 890270 h 1183004"/>
                <a:gd name="connsiteX138" fmla="*/ 136906 w 1182865"/>
                <a:gd name="connsiteY138" fmla="*/ 896366 h 1183004"/>
                <a:gd name="connsiteX139" fmla="*/ 130797 w 1182865"/>
                <a:gd name="connsiteY139" fmla="*/ 926973 h 1183004"/>
                <a:gd name="connsiteX140" fmla="*/ 118491 w 1182865"/>
                <a:gd name="connsiteY140" fmla="*/ 930783 h 1183004"/>
                <a:gd name="connsiteX141" fmla="*/ 100190 w 1182865"/>
                <a:gd name="connsiteY141" fmla="*/ 921004 h 1183004"/>
                <a:gd name="connsiteX142" fmla="*/ 978649 w 1182865"/>
                <a:gd name="connsiteY142" fmla="*/ 1009523 h 1183004"/>
                <a:gd name="connsiteX143" fmla="*/ 978649 w 1182865"/>
                <a:gd name="connsiteY143" fmla="*/ 978281 h 1183004"/>
                <a:gd name="connsiteX144" fmla="*/ 1009891 w 1182865"/>
                <a:gd name="connsiteY144" fmla="*/ 978281 h 1183004"/>
                <a:gd name="connsiteX145" fmla="*/ 1009891 w 1182865"/>
                <a:gd name="connsiteY145" fmla="*/ 1009523 h 1183004"/>
                <a:gd name="connsiteX146" fmla="*/ 994283 w 1182865"/>
                <a:gd name="connsiteY146" fmla="*/ 1016000 h 1183004"/>
                <a:gd name="connsiteX147" fmla="*/ 978649 w 1182865"/>
                <a:gd name="connsiteY147" fmla="*/ 1009523 h 1183004"/>
                <a:gd name="connsiteX148" fmla="*/ 173850 w 1182865"/>
                <a:gd name="connsiteY148" fmla="*/ 1010412 h 1183004"/>
                <a:gd name="connsiteX149" fmla="*/ 173850 w 1182865"/>
                <a:gd name="connsiteY149" fmla="*/ 979170 h 1183004"/>
                <a:gd name="connsiteX150" fmla="*/ 205092 w 1182865"/>
                <a:gd name="connsiteY150" fmla="*/ 979043 h 1183004"/>
                <a:gd name="connsiteX151" fmla="*/ 205092 w 1182865"/>
                <a:gd name="connsiteY151" fmla="*/ 1010285 h 1183004"/>
                <a:gd name="connsiteX152" fmla="*/ 189471 w 1182865"/>
                <a:gd name="connsiteY152" fmla="*/ 1016762 h 1183004"/>
                <a:gd name="connsiteX153" fmla="*/ 173850 w 1182865"/>
                <a:gd name="connsiteY153" fmla="*/ 1010412 h 1183004"/>
                <a:gd name="connsiteX154" fmla="*/ 889749 w 1182865"/>
                <a:gd name="connsiteY154" fmla="*/ 1077087 h 1183004"/>
                <a:gd name="connsiteX155" fmla="*/ 895858 w 1182865"/>
                <a:gd name="connsiteY155" fmla="*/ 1046353 h 1183004"/>
                <a:gd name="connsiteX156" fmla="*/ 895858 w 1182865"/>
                <a:gd name="connsiteY156" fmla="*/ 1046480 h 1183004"/>
                <a:gd name="connsiteX157" fmla="*/ 926465 w 1182865"/>
                <a:gd name="connsiteY157" fmla="*/ 1052449 h 1183004"/>
                <a:gd name="connsiteX158" fmla="*/ 920356 w 1182865"/>
                <a:gd name="connsiteY158" fmla="*/ 1083056 h 1183004"/>
                <a:gd name="connsiteX159" fmla="*/ 908164 w 1182865"/>
                <a:gd name="connsiteY159" fmla="*/ 1086866 h 1183004"/>
                <a:gd name="connsiteX160" fmla="*/ 889749 w 1182865"/>
                <a:gd name="connsiteY160" fmla="*/ 1077087 h 1183004"/>
                <a:gd name="connsiteX161" fmla="*/ 263525 w 1182865"/>
                <a:gd name="connsiteY161" fmla="*/ 1083818 h 1183004"/>
                <a:gd name="connsiteX162" fmla="*/ 257416 w 1182865"/>
                <a:gd name="connsiteY162" fmla="*/ 1053211 h 1183004"/>
                <a:gd name="connsiteX163" fmla="*/ 288023 w 1182865"/>
                <a:gd name="connsiteY163" fmla="*/ 1046988 h 1183004"/>
                <a:gd name="connsiteX164" fmla="*/ 294132 w 1182865"/>
                <a:gd name="connsiteY164" fmla="*/ 1077722 h 1183004"/>
                <a:gd name="connsiteX165" fmla="*/ 275831 w 1182865"/>
                <a:gd name="connsiteY165" fmla="*/ 1087501 h 1183004"/>
                <a:gd name="connsiteX166" fmla="*/ 263525 w 1182865"/>
                <a:gd name="connsiteY166" fmla="*/ 1083818 h 1183004"/>
                <a:gd name="connsiteX167" fmla="*/ 789432 w 1182865"/>
                <a:gd name="connsiteY167" fmla="*/ 1125982 h 1183004"/>
                <a:gd name="connsiteX168" fmla="*/ 801357 w 1182865"/>
                <a:gd name="connsiteY168" fmla="*/ 1097153 h 1183004"/>
                <a:gd name="connsiteX169" fmla="*/ 830199 w 1182865"/>
                <a:gd name="connsiteY169" fmla="*/ 1108964 h 1183004"/>
                <a:gd name="connsiteX170" fmla="*/ 818248 w 1182865"/>
                <a:gd name="connsiteY170" fmla="*/ 1137920 h 1183004"/>
                <a:gd name="connsiteX171" fmla="*/ 809739 w 1182865"/>
                <a:gd name="connsiteY171" fmla="*/ 1139571 h 1183004"/>
                <a:gd name="connsiteX172" fmla="*/ 789432 w 1182865"/>
                <a:gd name="connsiteY172" fmla="*/ 1125982 h 1183004"/>
                <a:gd name="connsiteX173" fmla="*/ 365747 w 1182865"/>
                <a:gd name="connsiteY173" fmla="*/ 1138428 h 1183004"/>
                <a:gd name="connsiteX174" fmla="*/ 353822 w 1182865"/>
                <a:gd name="connsiteY174" fmla="*/ 1109472 h 1183004"/>
                <a:gd name="connsiteX175" fmla="*/ 382638 w 1182865"/>
                <a:gd name="connsiteY175" fmla="*/ 1097534 h 1183004"/>
                <a:gd name="connsiteX176" fmla="*/ 394589 w 1182865"/>
                <a:gd name="connsiteY176" fmla="*/ 1126363 h 1183004"/>
                <a:gd name="connsiteX177" fmla="*/ 374256 w 1182865"/>
                <a:gd name="connsiteY177" fmla="*/ 1140079 h 1183004"/>
                <a:gd name="connsiteX178" fmla="*/ 365747 w 1182865"/>
                <a:gd name="connsiteY178" fmla="*/ 1138428 h 1183004"/>
                <a:gd name="connsiteX179" fmla="*/ 681342 w 1182865"/>
                <a:gd name="connsiteY179" fmla="*/ 1154303 h 1183004"/>
                <a:gd name="connsiteX180" fmla="*/ 698741 w 1182865"/>
                <a:gd name="connsiteY180" fmla="*/ 1128268 h 1183004"/>
                <a:gd name="connsiteX181" fmla="*/ 724789 w 1182865"/>
                <a:gd name="connsiteY181" fmla="*/ 1145667 h 1183004"/>
                <a:gd name="connsiteX182" fmla="*/ 707390 w 1182865"/>
                <a:gd name="connsiteY182" fmla="*/ 1171575 h 1183004"/>
                <a:gd name="connsiteX183" fmla="*/ 703072 w 1182865"/>
                <a:gd name="connsiteY183" fmla="*/ 1172083 h 1183004"/>
                <a:gd name="connsiteX184" fmla="*/ 681342 w 1182865"/>
                <a:gd name="connsiteY184" fmla="*/ 1154303 h 1183004"/>
                <a:gd name="connsiteX185" fmla="*/ 476758 w 1182865"/>
                <a:gd name="connsiteY185" fmla="*/ 1171829 h 1183004"/>
                <a:gd name="connsiteX186" fmla="*/ 459346 w 1182865"/>
                <a:gd name="connsiteY186" fmla="*/ 1145921 h 1183004"/>
                <a:gd name="connsiteX187" fmla="*/ 485267 w 1182865"/>
                <a:gd name="connsiteY187" fmla="*/ 1128522 h 1183004"/>
                <a:gd name="connsiteX188" fmla="*/ 502666 w 1182865"/>
                <a:gd name="connsiteY188" fmla="*/ 1154430 h 1183004"/>
                <a:gd name="connsiteX189" fmla="*/ 481063 w 1182865"/>
                <a:gd name="connsiteY189" fmla="*/ 1172210 h 1183004"/>
                <a:gd name="connsiteX190" fmla="*/ 476758 w 1182865"/>
                <a:gd name="connsiteY190" fmla="*/ 1171829 h 1183004"/>
                <a:gd name="connsiteX191" fmla="*/ 569963 w 1182865"/>
                <a:gd name="connsiteY191" fmla="*/ 1160907 h 1183004"/>
                <a:gd name="connsiteX192" fmla="*/ 592074 w 1182865"/>
                <a:gd name="connsiteY192" fmla="*/ 1138809 h 1183004"/>
                <a:gd name="connsiteX193" fmla="*/ 614172 w 1182865"/>
                <a:gd name="connsiteY193" fmla="*/ 1160780 h 1183004"/>
                <a:gd name="connsiteX194" fmla="*/ 592074 w 1182865"/>
                <a:gd name="connsiteY194" fmla="*/ 1183005 h 1183004"/>
                <a:gd name="connsiteX195" fmla="*/ 569963 w 1182865"/>
                <a:gd name="connsiteY195" fmla="*/ 1160907 h 1183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Lst>
              <a:rect l="l" t="t" r="r" b="b"/>
              <a:pathLst>
                <a:path w="1182865" h="1183004">
                  <a:moveTo>
                    <a:pt x="567550" y="22225"/>
                  </a:moveTo>
                  <a:cubicBezTo>
                    <a:pt x="567550" y="10033"/>
                    <a:pt x="577456" y="127"/>
                    <a:pt x="589648" y="0"/>
                  </a:cubicBezTo>
                  <a:cubicBezTo>
                    <a:pt x="601840" y="0"/>
                    <a:pt x="611746" y="9906"/>
                    <a:pt x="611746" y="22098"/>
                  </a:cubicBezTo>
                  <a:cubicBezTo>
                    <a:pt x="611746" y="34290"/>
                    <a:pt x="601967" y="44196"/>
                    <a:pt x="589775" y="44196"/>
                  </a:cubicBezTo>
                  <a:lnTo>
                    <a:pt x="589648" y="44196"/>
                  </a:lnTo>
                  <a:cubicBezTo>
                    <a:pt x="577456" y="44196"/>
                    <a:pt x="567550" y="34417"/>
                    <a:pt x="567550" y="22225"/>
                  </a:cubicBezTo>
                  <a:moveTo>
                    <a:pt x="696455" y="54356"/>
                  </a:moveTo>
                  <a:cubicBezTo>
                    <a:pt x="684517" y="51943"/>
                    <a:pt x="676656" y="40386"/>
                    <a:pt x="679056" y="28448"/>
                  </a:cubicBezTo>
                  <a:cubicBezTo>
                    <a:pt x="681342" y="16383"/>
                    <a:pt x="692899" y="8636"/>
                    <a:pt x="704964" y="10922"/>
                  </a:cubicBezTo>
                  <a:cubicBezTo>
                    <a:pt x="716915" y="13208"/>
                    <a:pt x="724789" y="24892"/>
                    <a:pt x="722363" y="36830"/>
                  </a:cubicBezTo>
                  <a:cubicBezTo>
                    <a:pt x="720331" y="47371"/>
                    <a:pt x="711073" y="54737"/>
                    <a:pt x="700773" y="54737"/>
                  </a:cubicBezTo>
                  <a:cubicBezTo>
                    <a:pt x="699389" y="54737"/>
                    <a:pt x="697865" y="54610"/>
                    <a:pt x="696455" y="54356"/>
                  </a:cubicBezTo>
                  <a:moveTo>
                    <a:pt x="457073" y="37719"/>
                  </a:moveTo>
                  <a:cubicBezTo>
                    <a:pt x="454647" y="25654"/>
                    <a:pt x="462407" y="14097"/>
                    <a:pt x="474332" y="11684"/>
                  </a:cubicBezTo>
                  <a:cubicBezTo>
                    <a:pt x="486283" y="9271"/>
                    <a:pt x="497967" y="17018"/>
                    <a:pt x="500367" y="28956"/>
                  </a:cubicBezTo>
                  <a:cubicBezTo>
                    <a:pt x="502780" y="40894"/>
                    <a:pt x="495033" y="52578"/>
                    <a:pt x="482981" y="54991"/>
                  </a:cubicBezTo>
                  <a:cubicBezTo>
                    <a:pt x="481571" y="55245"/>
                    <a:pt x="480047" y="55372"/>
                    <a:pt x="478650" y="55372"/>
                  </a:cubicBezTo>
                  <a:cubicBezTo>
                    <a:pt x="468363" y="55372"/>
                    <a:pt x="459092" y="48133"/>
                    <a:pt x="457073" y="37719"/>
                  </a:cubicBezTo>
                  <a:moveTo>
                    <a:pt x="799198" y="84963"/>
                  </a:moveTo>
                  <a:cubicBezTo>
                    <a:pt x="787908" y="80391"/>
                    <a:pt x="782447" y="67437"/>
                    <a:pt x="787133" y="56134"/>
                  </a:cubicBezTo>
                  <a:cubicBezTo>
                    <a:pt x="791832" y="44958"/>
                    <a:pt x="804672" y="39497"/>
                    <a:pt x="815975" y="44196"/>
                  </a:cubicBezTo>
                  <a:cubicBezTo>
                    <a:pt x="827265" y="48768"/>
                    <a:pt x="832599" y="61722"/>
                    <a:pt x="828040" y="73025"/>
                  </a:cubicBezTo>
                  <a:cubicBezTo>
                    <a:pt x="824471" y="81534"/>
                    <a:pt x="816216" y="86741"/>
                    <a:pt x="807580" y="86741"/>
                  </a:cubicBezTo>
                  <a:cubicBezTo>
                    <a:pt x="804799" y="86741"/>
                    <a:pt x="801865" y="86106"/>
                    <a:pt x="799198" y="84963"/>
                  </a:cubicBezTo>
                  <a:moveTo>
                    <a:pt x="351650" y="74549"/>
                  </a:moveTo>
                  <a:cubicBezTo>
                    <a:pt x="346964" y="63246"/>
                    <a:pt x="352298" y="50292"/>
                    <a:pt x="363474" y="45593"/>
                  </a:cubicBezTo>
                  <a:cubicBezTo>
                    <a:pt x="374764" y="40894"/>
                    <a:pt x="387731" y="46228"/>
                    <a:pt x="392417" y="57404"/>
                  </a:cubicBezTo>
                  <a:cubicBezTo>
                    <a:pt x="397116" y="68707"/>
                    <a:pt x="391782" y="81661"/>
                    <a:pt x="380492" y="86360"/>
                  </a:cubicBezTo>
                  <a:cubicBezTo>
                    <a:pt x="377698" y="87503"/>
                    <a:pt x="374891" y="88011"/>
                    <a:pt x="371983" y="88011"/>
                  </a:cubicBezTo>
                  <a:cubicBezTo>
                    <a:pt x="363347" y="88011"/>
                    <a:pt x="355206" y="82931"/>
                    <a:pt x="351650" y="74549"/>
                  </a:cubicBezTo>
                  <a:moveTo>
                    <a:pt x="893940" y="135255"/>
                  </a:moveTo>
                  <a:cubicBezTo>
                    <a:pt x="883780" y="128524"/>
                    <a:pt x="880999" y="114808"/>
                    <a:pt x="887717" y="104648"/>
                  </a:cubicBezTo>
                  <a:cubicBezTo>
                    <a:pt x="894448" y="94488"/>
                    <a:pt x="908164" y="91694"/>
                    <a:pt x="918324" y="98552"/>
                  </a:cubicBezTo>
                  <a:cubicBezTo>
                    <a:pt x="928497" y="105283"/>
                    <a:pt x="931291" y="118999"/>
                    <a:pt x="924547" y="129159"/>
                  </a:cubicBezTo>
                  <a:cubicBezTo>
                    <a:pt x="920242" y="135509"/>
                    <a:pt x="913257" y="139065"/>
                    <a:pt x="906132" y="139065"/>
                  </a:cubicBezTo>
                  <a:cubicBezTo>
                    <a:pt x="901941" y="139065"/>
                    <a:pt x="897623" y="137795"/>
                    <a:pt x="893940" y="135255"/>
                  </a:cubicBezTo>
                  <a:moveTo>
                    <a:pt x="255524" y="131318"/>
                  </a:moveTo>
                  <a:cubicBezTo>
                    <a:pt x="248666" y="121158"/>
                    <a:pt x="251333" y="107442"/>
                    <a:pt x="261480" y="100584"/>
                  </a:cubicBezTo>
                  <a:cubicBezTo>
                    <a:pt x="271640" y="93726"/>
                    <a:pt x="285356" y="96393"/>
                    <a:pt x="292214" y="106553"/>
                  </a:cubicBezTo>
                  <a:cubicBezTo>
                    <a:pt x="298958" y="116713"/>
                    <a:pt x="296291" y="130429"/>
                    <a:pt x="286131" y="137287"/>
                  </a:cubicBezTo>
                  <a:cubicBezTo>
                    <a:pt x="282308" y="139827"/>
                    <a:pt x="278117" y="140970"/>
                    <a:pt x="273799" y="140970"/>
                  </a:cubicBezTo>
                  <a:cubicBezTo>
                    <a:pt x="266700" y="140970"/>
                    <a:pt x="259715" y="137541"/>
                    <a:pt x="255524" y="131318"/>
                  </a:cubicBezTo>
                  <a:moveTo>
                    <a:pt x="976998" y="203073"/>
                  </a:moveTo>
                  <a:lnTo>
                    <a:pt x="976998" y="203073"/>
                  </a:lnTo>
                  <a:cubicBezTo>
                    <a:pt x="968375" y="194564"/>
                    <a:pt x="968375" y="180467"/>
                    <a:pt x="976871" y="171831"/>
                  </a:cubicBezTo>
                  <a:cubicBezTo>
                    <a:pt x="985507" y="163195"/>
                    <a:pt x="999490" y="163195"/>
                    <a:pt x="1008113" y="171704"/>
                  </a:cubicBezTo>
                  <a:cubicBezTo>
                    <a:pt x="1016749" y="180340"/>
                    <a:pt x="1016889" y="194310"/>
                    <a:pt x="1008240" y="202946"/>
                  </a:cubicBezTo>
                  <a:cubicBezTo>
                    <a:pt x="1003922" y="207391"/>
                    <a:pt x="998207" y="209550"/>
                    <a:pt x="992632" y="209550"/>
                  </a:cubicBezTo>
                  <a:cubicBezTo>
                    <a:pt x="986917" y="209550"/>
                    <a:pt x="981316" y="207391"/>
                    <a:pt x="976998" y="203073"/>
                  </a:cubicBezTo>
                  <a:moveTo>
                    <a:pt x="172199" y="205613"/>
                  </a:moveTo>
                  <a:cubicBezTo>
                    <a:pt x="163563" y="196977"/>
                    <a:pt x="163563" y="183007"/>
                    <a:pt x="172199" y="174371"/>
                  </a:cubicBezTo>
                  <a:cubicBezTo>
                    <a:pt x="180708" y="165735"/>
                    <a:pt x="194691" y="165735"/>
                    <a:pt x="203441" y="174244"/>
                  </a:cubicBezTo>
                  <a:cubicBezTo>
                    <a:pt x="212090" y="182880"/>
                    <a:pt x="212090" y="196850"/>
                    <a:pt x="203441" y="205486"/>
                  </a:cubicBezTo>
                  <a:cubicBezTo>
                    <a:pt x="199123" y="209931"/>
                    <a:pt x="193548" y="212090"/>
                    <a:pt x="187833" y="212090"/>
                  </a:cubicBezTo>
                  <a:cubicBezTo>
                    <a:pt x="182105" y="212090"/>
                    <a:pt x="176517" y="209931"/>
                    <a:pt x="172199" y="205613"/>
                  </a:cubicBezTo>
                  <a:moveTo>
                    <a:pt x="1045464" y="285750"/>
                  </a:moveTo>
                  <a:cubicBezTo>
                    <a:pt x="1038606" y="275590"/>
                    <a:pt x="1041273" y="261874"/>
                    <a:pt x="1051306" y="255016"/>
                  </a:cubicBezTo>
                  <a:cubicBezTo>
                    <a:pt x="1061466" y="248285"/>
                    <a:pt x="1075182" y="250825"/>
                    <a:pt x="1082040" y="260985"/>
                  </a:cubicBezTo>
                  <a:cubicBezTo>
                    <a:pt x="1088898" y="271145"/>
                    <a:pt x="1086231" y="284861"/>
                    <a:pt x="1076058" y="291719"/>
                  </a:cubicBezTo>
                  <a:cubicBezTo>
                    <a:pt x="1072248" y="294259"/>
                    <a:pt x="1067930" y="295402"/>
                    <a:pt x="1063739" y="295402"/>
                  </a:cubicBezTo>
                  <a:cubicBezTo>
                    <a:pt x="1056640" y="295402"/>
                    <a:pt x="1049642" y="292100"/>
                    <a:pt x="1045464" y="285750"/>
                  </a:cubicBezTo>
                  <a:moveTo>
                    <a:pt x="104889" y="294767"/>
                  </a:moveTo>
                  <a:cubicBezTo>
                    <a:pt x="94742" y="288036"/>
                    <a:pt x="92075" y="274193"/>
                    <a:pt x="98806" y="264160"/>
                  </a:cubicBezTo>
                  <a:cubicBezTo>
                    <a:pt x="105524" y="253873"/>
                    <a:pt x="119240" y="251206"/>
                    <a:pt x="129400" y="257937"/>
                  </a:cubicBezTo>
                  <a:cubicBezTo>
                    <a:pt x="139573" y="264668"/>
                    <a:pt x="142367" y="278384"/>
                    <a:pt x="135623" y="288544"/>
                  </a:cubicBezTo>
                  <a:cubicBezTo>
                    <a:pt x="131305" y="295021"/>
                    <a:pt x="124333" y="298450"/>
                    <a:pt x="117208" y="298450"/>
                  </a:cubicBezTo>
                  <a:cubicBezTo>
                    <a:pt x="113017" y="298450"/>
                    <a:pt x="108699" y="297180"/>
                    <a:pt x="104889" y="294767"/>
                  </a:cubicBezTo>
                  <a:moveTo>
                    <a:pt x="1096391" y="380111"/>
                  </a:moveTo>
                  <a:cubicBezTo>
                    <a:pt x="1091692" y="368808"/>
                    <a:pt x="1097013" y="355854"/>
                    <a:pt x="1108189" y="351155"/>
                  </a:cubicBezTo>
                  <a:cubicBezTo>
                    <a:pt x="1119492" y="346456"/>
                    <a:pt x="1132446" y="351663"/>
                    <a:pt x="1137158" y="362966"/>
                  </a:cubicBezTo>
                  <a:cubicBezTo>
                    <a:pt x="1141857" y="374269"/>
                    <a:pt x="1136523" y="387223"/>
                    <a:pt x="1125347" y="391922"/>
                  </a:cubicBezTo>
                  <a:cubicBezTo>
                    <a:pt x="1122540" y="393065"/>
                    <a:pt x="1119632" y="393573"/>
                    <a:pt x="1116825" y="393573"/>
                  </a:cubicBezTo>
                  <a:cubicBezTo>
                    <a:pt x="1108189" y="393573"/>
                    <a:pt x="1099947" y="388493"/>
                    <a:pt x="1096391" y="380111"/>
                  </a:cubicBezTo>
                  <a:moveTo>
                    <a:pt x="56375" y="395224"/>
                  </a:moveTo>
                  <a:cubicBezTo>
                    <a:pt x="45072" y="390652"/>
                    <a:pt x="39738" y="377698"/>
                    <a:pt x="44323" y="366395"/>
                  </a:cubicBezTo>
                  <a:cubicBezTo>
                    <a:pt x="49022" y="355092"/>
                    <a:pt x="61849" y="349758"/>
                    <a:pt x="73139" y="354457"/>
                  </a:cubicBezTo>
                  <a:cubicBezTo>
                    <a:pt x="84442" y="359029"/>
                    <a:pt x="89916" y="371983"/>
                    <a:pt x="85217" y="383286"/>
                  </a:cubicBezTo>
                  <a:cubicBezTo>
                    <a:pt x="81648" y="391795"/>
                    <a:pt x="73406" y="396875"/>
                    <a:pt x="64757" y="396875"/>
                  </a:cubicBezTo>
                  <a:cubicBezTo>
                    <a:pt x="61963" y="396875"/>
                    <a:pt x="59042" y="396367"/>
                    <a:pt x="56375" y="395224"/>
                  </a:cubicBezTo>
                  <a:moveTo>
                    <a:pt x="1127874" y="482473"/>
                  </a:moveTo>
                  <a:cubicBezTo>
                    <a:pt x="1125474" y="470535"/>
                    <a:pt x="1133208" y="458851"/>
                    <a:pt x="1145146" y="456438"/>
                  </a:cubicBezTo>
                  <a:cubicBezTo>
                    <a:pt x="1157097" y="454025"/>
                    <a:pt x="1168781" y="461772"/>
                    <a:pt x="1171181" y="473710"/>
                  </a:cubicBezTo>
                  <a:cubicBezTo>
                    <a:pt x="1173607" y="485775"/>
                    <a:pt x="1165847" y="497332"/>
                    <a:pt x="1153922" y="499745"/>
                  </a:cubicBezTo>
                  <a:cubicBezTo>
                    <a:pt x="1152398" y="500126"/>
                    <a:pt x="1150988" y="500253"/>
                    <a:pt x="1149464" y="500253"/>
                  </a:cubicBezTo>
                  <a:cubicBezTo>
                    <a:pt x="1139190" y="500253"/>
                    <a:pt x="1130033" y="493014"/>
                    <a:pt x="1127874" y="482473"/>
                  </a:cubicBezTo>
                  <a:moveTo>
                    <a:pt x="28448" y="503301"/>
                  </a:moveTo>
                  <a:cubicBezTo>
                    <a:pt x="16497" y="501015"/>
                    <a:pt x="8623" y="489458"/>
                    <a:pt x="11049" y="477393"/>
                  </a:cubicBezTo>
                  <a:cubicBezTo>
                    <a:pt x="13322" y="465455"/>
                    <a:pt x="25006" y="457708"/>
                    <a:pt x="36957" y="459994"/>
                  </a:cubicBezTo>
                  <a:cubicBezTo>
                    <a:pt x="48882" y="462280"/>
                    <a:pt x="56756" y="473964"/>
                    <a:pt x="54356" y="485902"/>
                  </a:cubicBezTo>
                  <a:cubicBezTo>
                    <a:pt x="52324" y="496443"/>
                    <a:pt x="43040" y="503809"/>
                    <a:pt x="32766" y="503809"/>
                  </a:cubicBezTo>
                  <a:cubicBezTo>
                    <a:pt x="31356" y="503809"/>
                    <a:pt x="29832" y="503682"/>
                    <a:pt x="28448" y="503301"/>
                  </a:cubicBezTo>
                  <a:moveTo>
                    <a:pt x="1138682" y="591566"/>
                  </a:moveTo>
                  <a:cubicBezTo>
                    <a:pt x="1138682" y="591058"/>
                    <a:pt x="1138796" y="590677"/>
                    <a:pt x="1138796" y="590296"/>
                  </a:cubicBezTo>
                  <a:cubicBezTo>
                    <a:pt x="1138796" y="589915"/>
                    <a:pt x="1138682" y="589534"/>
                    <a:pt x="1138682" y="589153"/>
                  </a:cubicBezTo>
                  <a:cubicBezTo>
                    <a:pt x="1138682" y="576961"/>
                    <a:pt x="1148448" y="567055"/>
                    <a:pt x="1160767" y="567055"/>
                  </a:cubicBezTo>
                  <a:cubicBezTo>
                    <a:pt x="1172972" y="566928"/>
                    <a:pt x="1182865" y="576834"/>
                    <a:pt x="1182865" y="589026"/>
                  </a:cubicBezTo>
                  <a:lnTo>
                    <a:pt x="1182865" y="590296"/>
                  </a:lnTo>
                  <a:lnTo>
                    <a:pt x="1182865" y="591566"/>
                  </a:lnTo>
                  <a:cubicBezTo>
                    <a:pt x="1182865" y="603758"/>
                    <a:pt x="1172972" y="613664"/>
                    <a:pt x="1160767" y="613664"/>
                  </a:cubicBezTo>
                  <a:cubicBezTo>
                    <a:pt x="1148575" y="613664"/>
                    <a:pt x="1138682" y="603758"/>
                    <a:pt x="1138682" y="591566"/>
                  </a:cubicBezTo>
                  <a:moveTo>
                    <a:pt x="0" y="592709"/>
                  </a:moveTo>
                  <a:cubicBezTo>
                    <a:pt x="0" y="580517"/>
                    <a:pt x="9906" y="570611"/>
                    <a:pt x="22098" y="570611"/>
                  </a:cubicBezTo>
                  <a:cubicBezTo>
                    <a:pt x="34290" y="570611"/>
                    <a:pt x="44183" y="580390"/>
                    <a:pt x="44183" y="592709"/>
                  </a:cubicBezTo>
                  <a:cubicBezTo>
                    <a:pt x="44183" y="604901"/>
                    <a:pt x="34417" y="614807"/>
                    <a:pt x="22225" y="614807"/>
                  </a:cubicBezTo>
                  <a:cubicBezTo>
                    <a:pt x="9906" y="614807"/>
                    <a:pt x="0" y="604901"/>
                    <a:pt x="0" y="592709"/>
                  </a:cubicBezTo>
                  <a:moveTo>
                    <a:pt x="1145781" y="724154"/>
                  </a:moveTo>
                  <a:cubicBezTo>
                    <a:pt x="1133716" y="721868"/>
                    <a:pt x="1125982" y="710184"/>
                    <a:pt x="1128255" y="698246"/>
                  </a:cubicBezTo>
                  <a:cubicBezTo>
                    <a:pt x="1130681" y="686308"/>
                    <a:pt x="1142365" y="678434"/>
                    <a:pt x="1154290" y="680847"/>
                  </a:cubicBezTo>
                  <a:cubicBezTo>
                    <a:pt x="1166241" y="683260"/>
                    <a:pt x="1174115" y="694817"/>
                    <a:pt x="1171689" y="706755"/>
                  </a:cubicBezTo>
                  <a:cubicBezTo>
                    <a:pt x="1169530" y="717296"/>
                    <a:pt x="1160399" y="724662"/>
                    <a:pt x="1149972" y="724662"/>
                  </a:cubicBezTo>
                  <a:cubicBezTo>
                    <a:pt x="1148575" y="724662"/>
                    <a:pt x="1147191" y="724408"/>
                    <a:pt x="1145781" y="724154"/>
                  </a:cubicBezTo>
                  <a:moveTo>
                    <a:pt x="11557" y="708025"/>
                  </a:moveTo>
                  <a:cubicBezTo>
                    <a:pt x="9131" y="696087"/>
                    <a:pt x="16891" y="684403"/>
                    <a:pt x="28816" y="681990"/>
                  </a:cubicBezTo>
                  <a:cubicBezTo>
                    <a:pt x="40767" y="679704"/>
                    <a:pt x="52438" y="687451"/>
                    <a:pt x="54864" y="699389"/>
                  </a:cubicBezTo>
                  <a:cubicBezTo>
                    <a:pt x="57150" y="711327"/>
                    <a:pt x="49390" y="723011"/>
                    <a:pt x="37465" y="725297"/>
                  </a:cubicBezTo>
                  <a:cubicBezTo>
                    <a:pt x="36055" y="725678"/>
                    <a:pt x="34531" y="725805"/>
                    <a:pt x="33147" y="725805"/>
                  </a:cubicBezTo>
                  <a:cubicBezTo>
                    <a:pt x="22847" y="725805"/>
                    <a:pt x="13589" y="718566"/>
                    <a:pt x="11557" y="708025"/>
                  </a:cubicBezTo>
                  <a:moveTo>
                    <a:pt x="1109205" y="829691"/>
                  </a:moveTo>
                  <a:cubicBezTo>
                    <a:pt x="1097915" y="824992"/>
                    <a:pt x="1092581" y="812038"/>
                    <a:pt x="1097267" y="800862"/>
                  </a:cubicBezTo>
                  <a:cubicBezTo>
                    <a:pt x="1101966" y="789559"/>
                    <a:pt x="1114806" y="784225"/>
                    <a:pt x="1126096" y="788924"/>
                  </a:cubicBezTo>
                  <a:cubicBezTo>
                    <a:pt x="1137399" y="793496"/>
                    <a:pt x="1142733" y="806450"/>
                    <a:pt x="1138174" y="817753"/>
                  </a:cubicBezTo>
                  <a:lnTo>
                    <a:pt x="1138047" y="817753"/>
                  </a:lnTo>
                  <a:cubicBezTo>
                    <a:pt x="1134605" y="826262"/>
                    <a:pt x="1126350" y="831342"/>
                    <a:pt x="1117714" y="831342"/>
                  </a:cubicBezTo>
                  <a:cubicBezTo>
                    <a:pt x="1114933" y="831342"/>
                    <a:pt x="1111999" y="830834"/>
                    <a:pt x="1109205" y="829691"/>
                  </a:cubicBezTo>
                  <a:moveTo>
                    <a:pt x="45339" y="818896"/>
                  </a:moveTo>
                  <a:cubicBezTo>
                    <a:pt x="40640" y="807593"/>
                    <a:pt x="45974" y="794639"/>
                    <a:pt x="57150" y="790067"/>
                  </a:cubicBezTo>
                  <a:cubicBezTo>
                    <a:pt x="68440" y="785368"/>
                    <a:pt x="81407" y="790575"/>
                    <a:pt x="86106" y="801878"/>
                  </a:cubicBezTo>
                  <a:cubicBezTo>
                    <a:pt x="90792" y="813181"/>
                    <a:pt x="85458" y="826135"/>
                    <a:pt x="74155" y="830834"/>
                  </a:cubicBezTo>
                  <a:cubicBezTo>
                    <a:pt x="71374" y="831977"/>
                    <a:pt x="68567" y="832485"/>
                    <a:pt x="65646" y="832485"/>
                  </a:cubicBezTo>
                  <a:cubicBezTo>
                    <a:pt x="57023" y="832485"/>
                    <a:pt x="48882" y="827405"/>
                    <a:pt x="45339" y="818896"/>
                  </a:cubicBezTo>
                  <a:moveTo>
                    <a:pt x="1052817" y="925957"/>
                  </a:moveTo>
                  <a:cubicBezTo>
                    <a:pt x="1042657" y="919226"/>
                    <a:pt x="1039863" y="905510"/>
                    <a:pt x="1046721" y="895350"/>
                  </a:cubicBezTo>
                  <a:cubicBezTo>
                    <a:pt x="1053465" y="885190"/>
                    <a:pt x="1067181" y="882523"/>
                    <a:pt x="1077341" y="889254"/>
                  </a:cubicBezTo>
                  <a:cubicBezTo>
                    <a:pt x="1087488" y="896112"/>
                    <a:pt x="1090155" y="909828"/>
                    <a:pt x="1083424" y="919988"/>
                  </a:cubicBezTo>
                  <a:cubicBezTo>
                    <a:pt x="1079106" y="926338"/>
                    <a:pt x="1072121" y="929767"/>
                    <a:pt x="1065022" y="929767"/>
                  </a:cubicBezTo>
                  <a:cubicBezTo>
                    <a:pt x="1060831" y="929767"/>
                    <a:pt x="1056500" y="928497"/>
                    <a:pt x="1052817" y="925957"/>
                  </a:cubicBezTo>
                  <a:moveTo>
                    <a:pt x="100190" y="921004"/>
                  </a:moveTo>
                  <a:cubicBezTo>
                    <a:pt x="93332" y="910844"/>
                    <a:pt x="96139" y="897128"/>
                    <a:pt x="106172" y="890270"/>
                  </a:cubicBezTo>
                  <a:cubicBezTo>
                    <a:pt x="116332" y="883539"/>
                    <a:pt x="130048" y="886206"/>
                    <a:pt x="136906" y="896366"/>
                  </a:cubicBezTo>
                  <a:cubicBezTo>
                    <a:pt x="143624" y="906399"/>
                    <a:pt x="140957" y="920115"/>
                    <a:pt x="130797" y="926973"/>
                  </a:cubicBezTo>
                  <a:cubicBezTo>
                    <a:pt x="127114" y="929513"/>
                    <a:pt x="122796" y="930783"/>
                    <a:pt x="118491" y="930783"/>
                  </a:cubicBezTo>
                  <a:cubicBezTo>
                    <a:pt x="111506" y="930783"/>
                    <a:pt x="104508" y="927354"/>
                    <a:pt x="100190" y="921004"/>
                  </a:cubicBezTo>
                  <a:moveTo>
                    <a:pt x="978649" y="1009523"/>
                  </a:moveTo>
                  <a:cubicBezTo>
                    <a:pt x="970013" y="1000887"/>
                    <a:pt x="970013" y="986917"/>
                    <a:pt x="978649" y="978281"/>
                  </a:cubicBezTo>
                  <a:cubicBezTo>
                    <a:pt x="987298" y="969645"/>
                    <a:pt x="1001255" y="969645"/>
                    <a:pt x="1009891" y="978281"/>
                  </a:cubicBezTo>
                  <a:cubicBezTo>
                    <a:pt x="1018540" y="986917"/>
                    <a:pt x="1018540" y="1000887"/>
                    <a:pt x="1009891" y="1009523"/>
                  </a:cubicBezTo>
                  <a:cubicBezTo>
                    <a:pt x="1005573" y="1013841"/>
                    <a:pt x="999998" y="1016000"/>
                    <a:pt x="994283" y="1016000"/>
                  </a:cubicBezTo>
                  <a:cubicBezTo>
                    <a:pt x="988555" y="1016000"/>
                    <a:pt x="982967" y="1013841"/>
                    <a:pt x="978649" y="1009523"/>
                  </a:cubicBezTo>
                  <a:moveTo>
                    <a:pt x="173850" y="1010412"/>
                  </a:moveTo>
                  <a:cubicBezTo>
                    <a:pt x="165214" y="1001776"/>
                    <a:pt x="165214" y="987806"/>
                    <a:pt x="173850" y="979170"/>
                  </a:cubicBezTo>
                  <a:cubicBezTo>
                    <a:pt x="182499" y="970534"/>
                    <a:pt x="196456" y="970407"/>
                    <a:pt x="205092" y="979043"/>
                  </a:cubicBezTo>
                  <a:cubicBezTo>
                    <a:pt x="213741" y="987679"/>
                    <a:pt x="213741" y="1001649"/>
                    <a:pt x="205092" y="1010285"/>
                  </a:cubicBezTo>
                  <a:cubicBezTo>
                    <a:pt x="200774" y="1014603"/>
                    <a:pt x="195199" y="1016762"/>
                    <a:pt x="189471" y="1016762"/>
                  </a:cubicBezTo>
                  <a:cubicBezTo>
                    <a:pt x="183883" y="1016762"/>
                    <a:pt x="178181" y="1014730"/>
                    <a:pt x="173850" y="1010412"/>
                  </a:cubicBezTo>
                  <a:moveTo>
                    <a:pt x="889749" y="1077087"/>
                  </a:moveTo>
                  <a:cubicBezTo>
                    <a:pt x="883031" y="1066927"/>
                    <a:pt x="885698" y="1053211"/>
                    <a:pt x="895858" y="1046353"/>
                  </a:cubicBezTo>
                  <a:lnTo>
                    <a:pt x="895858" y="1046480"/>
                  </a:lnTo>
                  <a:cubicBezTo>
                    <a:pt x="905891" y="1039622"/>
                    <a:pt x="919721" y="1042289"/>
                    <a:pt x="926465" y="1052449"/>
                  </a:cubicBezTo>
                  <a:cubicBezTo>
                    <a:pt x="933183" y="1062609"/>
                    <a:pt x="930516" y="1076325"/>
                    <a:pt x="920356" y="1083056"/>
                  </a:cubicBezTo>
                  <a:cubicBezTo>
                    <a:pt x="916673" y="1085596"/>
                    <a:pt x="912355" y="1086866"/>
                    <a:pt x="908164" y="1086866"/>
                  </a:cubicBezTo>
                  <a:cubicBezTo>
                    <a:pt x="901065" y="1086866"/>
                    <a:pt x="893940" y="1083437"/>
                    <a:pt x="889749" y="1077087"/>
                  </a:cubicBezTo>
                  <a:moveTo>
                    <a:pt x="263525" y="1083818"/>
                  </a:moveTo>
                  <a:cubicBezTo>
                    <a:pt x="253365" y="1077087"/>
                    <a:pt x="250698" y="1063244"/>
                    <a:pt x="257416" y="1053211"/>
                  </a:cubicBezTo>
                  <a:cubicBezTo>
                    <a:pt x="264147" y="1043051"/>
                    <a:pt x="277863" y="1040257"/>
                    <a:pt x="288023" y="1046988"/>
                  </a:cubicBezTo>
                  <a:cubicBezTo>
                    <a:pt x="298183" y="1053846"/>
                    <a:pt x="300990" y="1067562"/>
                    <a:pt x="294132" y="1077722"/>
                  </a:cubicBezTo>
                  <a:cubicBezTo>
                    <a:pt x="289941" y="1084072"/>
                    <a:pt x="282956" y="1087501"/>
                    <a:pt x="275831" y="1087501"/>
                  </a:cubicBezTo>
                  <a:cubicBezTo>
                    <a:pt x="271513" y="1087501"/>
                    <a:pt x="267322" y="1086358"/>
                    <a:pt x="263525" y="1083818"/>
                  </a:cubicBezTo>
                  <a:moveTo>
                    <a:pt x="789432" y="1125982"/>
                  </a:moveTo>
                  <a:cubicBezTo>
                    <a:pt x="784733" y="1114679"/>
                    <a:pt x="790067" y="1101725"/>
                    <a:pt x="801357" y="1097153"/>
                  </a:cubicBezTo>
                  <a:cubicBezTo>
                    <a:pt x="812533" y="1092454"/>
                    <a:pt x="825500" y="1097788"/>
                    <a:pt x="830199" y="1108964"/>
                  </a:cubicBezTo>
                  <a:cubicBezTo>
                    <a:pt x="834898" y="1120267"/>
                    <a:pt x="829564" y="1133221"/>
                    <a:pt x="818248" y="1137920"/>
                  </a:cubicBezTo>
                  <a:cubicBezTo>
                    <a:pt x="815467" y="1139063"/>
                    <a:pt x="812673" y="1139571"/>
                    <a:pt x="809739" y="1139571"/>
                  </a:cubicBezTo>
                  <a:cubicBezTo>
                    <a:pt x="801116" y="1139571"/>
                    <a:pt x="792975" y="1134491"/>
                    <a:pt x="789432" y="1125982"/>
                  </a:cubicBezTo>
                  <a:moveTo>
                    <a:pt x="365747" y="1138428"/>
                  </a:moveTo>
                  <a:cubicBezTo>
                    <a:pt x="354571" y="1133729"/>
                    <a:pt x="349123" y="1120775"/>
                    <a:pt x="353822" y="1109472"/>
                  </a:cubicBezTo>
                  <a:cubicBezTo>
                    <a:pt x="358508" y="1098296"/>
                    <a:pt x="371348" y="1092835"/>
                    <a:pt x="382638" y="1097534"/>
                  </a:cubicBezTo>
                  <a:cubicBezTo>
                    <a:pt x="393941" y="1102233"/>
                    <a:pt x="399275" y="1115060"/>
                    <a:pt x="394589" y="1126363"/>
                  </a:cubicBezTo>
                  <a:cubicBezTo>
                    <a:pt x="391147" y="1134872"/>
                    <a:pt x="382892" y="1140079"/>
                    <a:pt x="374256" y="1140079"/>
                  </a:cubicBezTo>
                  <a:cubicBezTo>
                    <a:pt x="371475" y="1140079"/>
                    <a:pt x="368541" y="1139444"/>
                    <a:pt x="365747" y="1138428"/>
                  </a:cubicBezTo>
                  <a:moveTo>
                    <a:pt x="681342" y="1154303"/>
                  </a:moveTo>
                  <a:cubicBezTo>
                    <a:pt x="679056" y="1142238"/>
                    <a:pt x="686816" y="1130681"/>
                    <a:pt x="698741" y="1128268"/>
                  </a:cubicBezTo>
                  <a:cubicBezTo>
                    <a:pt x="710692" y="1125855"/>
                    <a:pt x="722363" y="1133602"/>
                    <a:pt x="724789" y="1145667"/>
                  </a:cubicBezTo>
                  <a:cubicBezTo>
                    <a:pt x="727075" y="1157605"/>
                    <a:pt x="719315" y="1169289"/>
                    <a:pt x="707390" y="1171575"/>
                  </a:cubicBezTo>
                  <a:cubicBezTo>
                    <a:pt x="705866" y="1171829"/>
                    <a:pt x="704456" y="1172083"/>
                    <a:pt x="703072" y="1172083"/>
                  </a:cubicBezTo>
                  <a:cubicBezTo>
                    <a:pt x="692658" y="1172083"/>
                    <a:pt x="683514" y="1164717"/>
                    <a:pt x="681342" y="1154303"/>
                  </a:cubicBezTo>
                  <a:moveTo>
                    <a:pt x="476758" y="1171829"/>
                  </a:moveTo>
                  <a:cubicBezTo>
                    <a:pt x="464807" y="1169543"/>
                    <a:pt x="457073" y="1157859"/>
                    <a:pt x="459346" y="1145921"/>
                  </a:cubicBezTo>
                  <a:cubicBezTo>
                    <a:pt x="461772" y="1133983"/>
                    <a:pt x="473316" y="1126109"/>
                    <a:pt x="485267" y="1128522"/>
                  </a:cubicBezTo>
                  <a:cubicBezTo>
                    <a:pt x="497192" y="1130808"/>
                    <a:pt x="505066" y="1142492"/>
                    <a:pt x="502666" y="1154430"/>
                  </a:cubicBezTo>
                  <a:cubicBezTo>
                    <a:pt x="500621" y="1164971"/>
                    <a:pt x="491350" y="1172210"/>
                    <a:pt x="481063" y="1172210"/>
                  </a:cubicBezTo>
                  <a:cubicBezTo>
                    <a:pt x="479666" y="1172210"/>
                    <a:pt x="478142" y="1172083"/>
                    <a:pt x="476758" y="1171829"/>
                  </a:cubicBezTo>
                  <a:moveTo>
                    <a:pt x="569963" y="1160907"/>
                  </a:moveTo>
                  <a:cubicBezTo>
                    <a:pt x="569963" y="1148715"/>
                    <a:pt x="579882" y="1138809"/>
                    <a:pt x="592074" y="1138809"/>
                  </a:cubicBezTo>
                  <a:cubicBezTo>
                    <a:pt x="604266" y="1138809"/>
                    <a:pt x="614172" y="1148588"/>
                    <a:pt x="614172" y="1160780"/>
                  </a:cubicBezTo>
                  <a:cubicBezTo>
                    <a:pt x="614172" y="1172972"/>
                    <a:pt x="604266" y="1182878"/>
                    <a:pt x="592074" y="1183005"/>
                  </a:cubicBezTo>
                  <a:cubicBezTo>
                    <a:pt x="579882" y="1183005"/>
                    <a:pt x="569963" y="1173099"/>
                    <a:pt x="569963" y="1160907"/>
                  </a:cubicBezTo>
                </a:path>
              </a:pathLst>
            </a:custGeom>
            <a:solidFill>
              <a:schemeClr val="bg1"/>
            </a:solidFill>
            <a:ln w="12700" cap="flat">
              <a:noFill/>
              <a:prstDash val="solid"/>
              <a:miter/>
            </a:ln>
          </p:spPr>
          <p:txBody>
            <a:bodyPr rtlCol="0" anchor="ctr"/>
            <a:lstStyle/>
            <a:p>
              <a:endParaRPr lang="da-DK" dirty="0"/>
            </a:p>
          </p:txBody>
        </p:sp>
      </p:grpSp>
      <p:sp>
        <p:nvSpPr>
          <p:cNvPr id="156" name="Kombinationstegning: figur 155">
            <a:extLst>
              <a:ext uri="{FF2B5EF4-FFF2-40B4-BE49-F238E27FC236}">
                <a16:creationId xmlns:a16="http://schemas.microsoft.com/office/drawing/2014/main" id="{79D5C911-1707-4FF3-81CC-1D6660C65F4D}"/>
              </a:ext>
            </a:extLst>
          </p:cNvPr>
          <p:cNvSpPr/>
          <p:nvPr userDrawn="1"/>
        </p:nvSpPr>
        <p:spPr>
          <a:xfrm>
            <a:off x="7209063" y="1"/>
            <a:ext cx="957763" cy="478882"/>
          </a:xfrm>
          <a:custGeom>
            <a:avLst/>
            <a:gdLst>
              <a:gd name="connsiteX0" fmla="*/ 636943 w 1273886"/>
              <a:gd name="connsiteY0" fmla="*/ 636943 h 636943"/>
              <a:gd name="connsiteX1" fmla="*/ 1273886 w 1273886"/>
              <a:gd name="connsiteY1" fmla="*/ 0 h 636943"/>
              <a:gd name="connsiteX2" fmla="*/ 0 w 1273886"/>
              <a:gd name="connsiteY2" fmla="*/ 0 h 636943"/>
              <a:gd name="connsiteX3" fmla="*/ 636943 w 1273886"/>
              <a:gd name="connsiteY3" fmla="*/ 636943 h 636943"/>
            </a:gdLst>
            <a:ahLst/>
            <a:cxnLst>
              <a:cxn ang="0">
                <a:pos x="connsiteX0" y="connsiteY0"/>
              </a:cxn>
              <a:cxn ang="0">
                <a:pos x="connsiteX1" y="connsiteY1"/>
              </a:cxn>
              <a:cxn ang="0">
                <a:pos x="connsiteX2" y="connsiteY2"/>
              </a:cxn>
              <a:cxn ang="0">
                <a:pos x="connsiteX3" y="connsiteY3"/>
              </a:cxn>
            </a:cxnLst>
            <a:rect l="l" t="t" r="r" b="b"/>
            <a:pathLst>
              <a:path w="1273886" h="636943">
                <a:moveTo>
                  <a:pt x="636943" y="636943"/>
                </a:moveTo>
                <a:cubicBezTo>
                  <a:pt x="988720" y="636943"/>
                  <a:pt x="1273886" y="351765"/>
                  <a:pt x="1273886" y="0"/>
                </a:cubicBezTo>
                <a:lnTo>
                  <a:pt x="0" y="0"/>
                </a:lnTo>
                <a:cubicBezTo>
                  <a:pt x="0" y="351765"/>
                  <a:pt x="285179" y="636943"/>
                  <a:pt x="636943" y="636943"/>
                </a:cubicBezTo>
              </a:path>
            </a:pathLst>
          </a:custGeom>
          <a:solidFill>
            <a:schemeClr val="accent1"/>
          </a:solidFill>
          <a:ln w="12700" cap="flat">
            <a:noFill/>
            <a:prstDash val="solid"/>
            <a:miter/>
          </a:ln>
        </p:spPr>
        <p:txBody>
          <a:bodyPr rtlCol="0" anchor="ctr"/>
          <a:lstStyle/>
          <a:p>
            <a:endParaRPr lang="da-DK"/>
          </a:p>
        </p:txBody>
      </p:sp>
      <p:grpSp>
        <p:nvGrpSpPr>
          <p:cNvPr id="39" name="Gruppe 38">
            <a:extLst>
              <a:ext uri="{FF2B5EF4-FFF2-40B4-BE49-F238E27FC236}">
                <a16:creationId xmlns:a16="http://schemas.microsoft.com/office/drawing/2014/main" id="{ABA7A197-6C69-4D7D-B18C-0142AA777572}"/>
              </a:ext>
            </a:extLst>
          </p:cNvPr>
          <p:cNvGrpSpPr>
            <a:grpSpLocks noChangeAspect="1"/>
          </p:cNvGrpSpPr>
          <p:nvPr userDrawn="1"/>
        </p:nvGrpSpPr>
        <p:grpSpPr>
          <a:xfrm>
            <a:off x="11154813" y="303458"/>
            <a:ext cx="718221" cy="1085713"/>
            <a:chOff x="720000" y="4860000"/>
            <a:chExt cx="1259999" cy="1904703"/>
          </a:xfrm>
        </p:grpSpPr>
        <p:sp>
          <p:nvSpPr>
            <p:cNvPr id="40" name="Kombinationstegning: figur 4">
              <a:extLst>
                <a:ext uri="{FF2B5EF4-FFF2-40B4-BE49-F238E27FC236}">
                  <a16:creationId xmlns:a16="http://schemas.microsoft.com/office/drawing/2014/main" id="{8E1B2918-B0A1-4FE7-BCFA-BAAD8ACC3F60}"/>
                </a:ext>
              </a:extLst>
            </p:cNvPr>
            <p:cNvSpPr/>
            <p:nvPr/>
          </p:nvSpPr>
          <p:spPr>
            <a:xfrm>
              <a:off x="903890" y="4860000"/>
              <a:ext cx="892210" cy="882977"/>
            </a:xfrm>
            <a:custGeom>
              <a:avLst/>
              <a:gdLst>
                <a:gd name="connsiteX0" fmla="*/ 1062698 w 1362240"/>
                <a:gd name="connsiteY0" fmla="*/ 1043813 h 1348143"/>
                <a:gd name="connsiteX1" fmla="*/ 891362 w 1362240"/>
                <a:gd name="connsiteY1" fmla="*/ 914870 h 1348143"/>
                <a:gd name="connsiteX2" fmla="*/ 1020534 w 1362240"/>
                <a:gd name="connsiteY2" fmla="*/ 743877 h 1348143"/>
                <a:gd name="connsiteX3" fmla="*/ 1191870 w 1362240"/>
                <a:gd name="connsiteY3" fmla="*/ 872681 h 1348143"/>
                <a:gd name="connsiteX4" fmla="*/ 1062698 w 1362240"/>
                <a:gd name="connsiteY4" fmla="*/ 1043813 h 1348143"/>
                <a:gd name="connsiteX5" fmla="*/ 690169 w 1362240"/>
                <a:gd name="connsiteY5" fmla="*/ 862317 h 1348143"/>
                <a:gd name="connsiteX6" fmla="*/ 492379 w 1362240"/>
                <a:gd name="connsiteY6" fmla="*/ 713486 h 1348143"/>
                <a:gd name="connsiteX7" fmla="*/ 641401 w 1362240"/>
                <a:gd name="connsiteY7" fmla="*/ 515963 h 1348143"/>
                <a:gd name="connsiteX8" fmla="*/ 839368 w 1362240"/>
                <a:gd name="connsiteY8" fmla="*/ 664807 h 1348143"/>
                <a:gd name="connsiteX9" fmla="*/ 690169 w 1362240"/>
                <a:gd name="connsiteY9" fmla="*/ 862317 h 1348143"/>
                <a:gd name="connsiteX10" fmla="*/ 313030 w 1362240"/>
                <a:gd name="connsiteY10" fmla="*/ 634416 h 1348143"/>
                <a:gd name="connsiteX11" fmla="*/ 141643 w 1362240"/>
                <a:gd name="connsiteY11" fmla="*/ 505536 h 1348143"/>
                <a:gd name="connsiteX12" fmla="*/ 270802 w 1362240"/>
                <a:gd name="connsiteY12" fmla="*/ 334467 h 1348143"/>
                <a:gd name="connsiteX13" fmla="*/ 442290 w 1362240"/>
                <a:gd name="connsiteY13" fmla="*/ 463271 h 1348143"/>
                <a:gd name="connsiteX14" fmla="*/ 313030 w 1362240"/>
                <a:gd name="connsiteY14" fmla="*/ 634416 h 1348143"/>
                <a:gd name="connsiteX15" fmla="*/ 1362240 w 1362240"/>
                <a:gd name="connsiteY15" fmla="*/ 671627 h 1348143"/>
                <a:gd name="connsiteX16" fmla="*/ 1042149 w 1362240"/>
                <a:gd name="connsiteY16" fmla="*/ 95174 h 1348143"/>
                <a:gd name="connsiteX17" fmla="*/ 976630 w 1362240"/>
                <a:gd name="connsiteY17" fmla="*/ 151105 h 1348143"/>
                <a:gd name="connsiteX18" fmla="*/ 885901 w 1362240"/>
                <a:gd name="connsiteY18" fmla="*/ 82969 h 1348143"/>
                <a:gd name="connsiteX19" fmla="*/ 898728 w 1362240"/>
                <a:gd name="connsiteY19" fmla="*/ 27318 h 1348143"/>
                <a:gd name="connsiteX20" fmla="*/ 788010 w 1362240"/>
                <a:gd name="connsiteY20" fmla="*/ 241 h 1348143"/>
                <a:gd name="connsiteX21" fmla="*/ 696811 w 1362240"/>
                <a:gd name="connsiteY21" fmla="*/ 92735 h 1348143"/>
                <a:gd name="connsiteX22" fmla="*/ 575869 w 1362240"/>
                <a:gd name="connsiteY22" fmla="*/ 1867 h 1348143"/>
                <a:gd name="connsiteX23" fmla="*/ 575704 w 1362240"/>
                <a:gd name="connsiteY23" fmla="*/ 0 h 1348143"/>
                <a:gd name="connsiteX24" fmla="*/ 465925 w 1362240"/>
                <a:gd name="connsiteY24" fmla="*/ 26543 h 1348143"/>
                <a:gd name="connsiteX25" fmla="*/ 502006 w 1362240"/>
                <a:gd name="connsiteY25" fmla="*/ 99708 h 1348143"/>
                <a:gd name="connsiteX26" fmla="*/ 389865 w 1362240"/>
                <a:gd name="connsiteY26" fmla="*/ 248209 h 1348143"/>
                <a:gd name="connsiteX27" fmla="*/ 243865 w 1362240"/>
                <a:gd name="connsiteY27" fmla="*/ 150482 h 1348143"/>
                <a:gd name="connsiteX28" fmla="*/ 0 w 1362240"/>
                <a:gd name="connsiteY28" fmla="*/ 671627 h 1348143"/>
                <a:gd name="connsiteX29" fmla="*/ 159982 w 1362240"/>
                <a:gd name="connsiteY29" fmla="*/ 1109256 h 1348143"/>
                <a:gd name="connsiteX30" fmla="*/ 211493 w 1362240"/>
                <a:gd name="connsiteY30" fmla="*/ 1047674 h 1348143"/>
                <a:gd name="connsiteX31" fmla="*/ 279502 w 1362240"/>
                <a:gd name="connsiteY31" fmla="*/ 1098791 h 1348143"/>
                <a:gd name="connsiteX32" fmla="*/ 228194 w 1362240"/>
                <a:gd name="connsiteY32" fmla="*/ 1166609 h 1348143"/>
                <a:gd name="connsiteX33" fmla="*/ 214516 w 1362240"/>
                <a:gd name="connsiteY33" fmla="*/ 1166762 h 1348143"/>
                <a:gd name="connsiteX34" fmla="*/ 314998 w 1362240"/>
                <a:gd name="connsiteY34" fmla="*/ 1244905 h 1348143"/>
                <a:gd name="connsiteX35" fmla="*/ 355168 w 1362240"/>
                <a:gd name="connsiteY35" fmla="*/ 1226947 h 1348143"/>
                <a:gd name="connsiteX36" fmla="*/ 445859 w 1362240"/>
                <a:gd name="connsiteY36" fmla="*/ 1295362 h 1348143"/>
                <a:gd name="connsiteX37" fmla="*/ 446481 w 1362240"/>
                <a:gd name="connsiteY37" fmla="*/ 1309954 h 1348143"/>
                <a:gd name="connsiteX38" fmla="*/ 556044 w 1362240"/>
                <a:gd name="connsiteY38" fmla="*/ 1339888 h 1348143"/>
                <a:gd name="connsiteX39" fmla="*/ 634949 w 1362240"/>
                <a:gd name="connsiteY39" fmla="*/ 1285469 h 1348143"/>
                <a:gd name="connsiteX40" fmla="*/ 747586 w 1362240"/>
                <a:gd name="connsiteY40" fmla="*/ 1348143 h 1348143"/>
                <a:gd name="connsiteX41" fmla="*/ 849020 w 1362240"/>
                <a:gd name="connsiteY41" fmla="*/ 1330541 h 1348143"/>
                <a:gd name="connsiteX42" fmla="*/ 829729 w 1362240"/>
                <a:gd name="connsiteY42" fmla="*/ 1278534 h 1348143"/>
                <a:gd name="connsiteX43" fmla="*/ 941870 w 1362240"/>
                <a:gd name="connsiteY43" fmla="*/ 1130071 h 1348143"/>
                <a:gd name="connsiteX44" fmla="*/ 1085152 w 1362240"/>
                <a:gd name="connsiteY44" fmla="*/ 1218870 h 1348143"/>
                <a:gd name="connsiteX45" fmla="*/ 1362240 w 1362240"/>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40" h="1348143">
                  <a:moveTo>
                    <a:pt x="1062698" y="1043813"/>
                  </a:moveTo>
                  <a:cubicBezTo>
                    <a:pt x="979716" y="1055497"/>
                    <a:pt x="903072" y="997763"/>
                    <a:pt x="891362" y="914870"/>
                  </a:cubicBezTo>
                  <a:cubicBezTo>
                    <a:pt x="879704" y="832028"/>
                    <a:pt x="937501" y="755548"/>
                    <a:pt x="1020534" y="743877"/>
                  </a:cubicBezTo>
                  <a:cubicBezTo>
                    <a:pt x="1103554" y="732231"/>
                    <a:pt x="1180262" y="789915"/>
                    <a:pt x="1191870" y="872681"/>
                  </a:cubicBezTo>
                  <a:cubicBezTo>
                    <a:pt x="1203592" y="955637"/>
                    <a:pt x="1145743" y="1032218"/>
                    <a:pt x="1062698" y="1043813"/>
                  </a:cubicBezTo>
                  <a:moveTo>
                    <a:pt x="690169" y="862317"/>
                  </a:moveTo>
                  <a:cubicBezTo>
                    <a:pt x="594436" y="875741"/>
                    <a:pt x="505841" y="809092"/>
                    <a:pt x="492379" y="713486"/>
                  </a:cubicBezTo>
                  <a:cubicBezTo>
                    <a:pt x="478879" y="617919"/>
                    <a:pt x="545643" y="529400"/>
                    <a:pt x="641401" y="515963"/>
                  </a:cubicBezTo>
                  <a:cubicBezTo>
                    <a:pt x="737337" y="502450"/>
                    <a:pt x="825894" y="569100"/>
                    <a:pt x="839368" y="664807"/>
                  </a:cubicBezTo>
                  <a:cubicBezTo>
                    <a:pt x="852830" y="760451"/>
                    <a:pt x="786168" y="848855"/>
                    <a:pt x="690169" y="862317"/>
                  </a:cubicBezTo>
                  <a:moveTo>
                    <a:pt x="313030" y="634416"/>
                  </a:moveTo>
                  <a:cubicBezTo>
                    <a:pt x="230048" y="646011"/>
                    <a:pt x="153314" y="588315"/>
                    <a:pt x="141643" y="505536"/>
                  </a:cubicBezTo>
                  <a:cubicBezTo>
                    <a:pt x="130061" y="422669"/>
                    <a:pt x="187770" y="346024"/>
                    <a:pt x="270802" y="334467"/>
                  </a:cubicBezTo>
                  <a:cubicBezTo>
                    <a:pt x="353847" y="322694"/>
                    <a:pt x="430619" y="380530"/>
                    <a:pt x="442290" y="463271"/>
                  </a:cubicBezTo>
                  <a:cubicBezTo>
                    <a:pt x="453873" y="546189"/>
                    <a:pt x="396011" y="622783"/>
                    <a:pt x="313030" y="634416"/>
                  </a:cubicBezTo>
                  <a:moveTo>
                    <a:pt x="1362240" y="671627"/>
                  </a:moveTo>
                  <a:cubicBezTo>
                    <a:pt x="1362240" y="428562"/>
                    <a:pt x="1234389" y="215341"/>
                    <a:pt x="1042149" y="95174"/>
                  </a:cubicBezTo>
                  <a:cubicBezTo>
                    <a:pt x="1033336" y="123990"/>
                    <a:pt x="1008558" y="146609"/>
                    <a:pt x="976630" y="151105"/>
                  </a:cubicBezTo>
                  <a:cubicBezTo>
                    <a:pt x="932663" y="157290"/>
                    <a:pt x="892175" y="126860"/>
                    <a:pt x="885901" y="82969"/>
                  </a:cubicBezTo>
                  <a:cubicBezTo>
                    <a:pt x="883044" y="62649"/>
                    <a:pt x="888162" y="43129"/>
                    <a:pt x="898728" y="27318"/>
                  </a:cubicBezTo>
                  <a:cubicBezTo>
                    <a:pt x="863054" y="15329"/>
                    <a:pt x="826059" y="6223"/>
                    <a:pt x="788010" y="241"/>
                  </a:cubicBezTo>
                  <a:cubicBezTo>
                    <a:pt x="782193" y="46939"/>
                    <a:pt x="745808" y="85890"/>
                    <a:pt x="696811" y="92735"/>
                  </a:cubicBezTo>
                  <a:cubicBezTo>
                    <a:pt x="638226" y="100889"/>
                    <a:pt x="584149" y="60236"/>
                    <a:pt x="575869" y="1867"/>
                  </a:cubicBezTo>
                  <a:cubicBezTo>
                    <a:pt x="575780" y="1232"/>
                    <a:pt x="575742" y="622"/>
                    <a:pt x="575704" y="0"/>
                  </a:cubicBezTo>
                  <a:cubicBezTo>
                    <a:pt x="537997" y="5842"/>
                    <a:pt x="501320" y="14796"/>
                    <a:pt x="465925" y="26543"/>
                  </a:cubicBezTo>
                  <a:cubicBezTo>
                    <a:pt x="484759" y="45872"/>
                    <a:pt x="497967" y="70980"/>
                    <a:pt x="502006" y="99708"/>
                  </a:cubicBezTo>
                  <a:cubicBezTo>
                    <a:pt x="512102" y="171577"/>
                    <a:pt x="461848" y="238112"/>
                    <a:pt x="389865" y="248209"/>
                  </a:cubicBezTo>
                  <a:cubicBezTo>
                    <a:pt x="322656" y="257607"/>
                    <a:pt x="260147" y="214681"/>
                    <a:pt x="243865" y="150482"/>
                  </a:cubicBezTo>
                  <a:cubicBezTo>
                    <a:pt x="94818" y="275171"/>
                    <a:pt x="0" y="462331"/>
                    <a:pt x="0" y="671627"/>
                  </a:cubicBezTo>
                  <a:cubicBezTo>
                    <a:pt x="0" y="838340"/>
                    <a:pt x="60185" y="991006"/>
                    <a:pt x="159982" y="1109256"/>
                  </a:cubicBezTo>
                  <a:cubicBezTo>
                    <a:pt x="158877" y="1078878"/>
                    <a:pt x="180607" y="1052005"/>
                    <a:pt x="211493" y="1047674"/>
                  </a:cubicBezTo>
                  <a:cubicBezTo>
                    <a:pt x="244450" y="1043038"/>
                    <a:pt x="274790" y="1065975"/>
                    <a:pt x="279502" y="1098791"/>
                  </a:cubicBezTo>
                  <a:cubicBezTo>
                    <a:pt x="284124" y="1131761"/>
                    <a:pt x="261188" y="1162152"/>
                    <a:pt x="228194" y="1166609"/>
                  </a:cubicBezTo>
                  <a:cubicBezTo>
                    <a:pt x="223545" y="1167282"/>
                    <a:pt x="218986" y="1167194"/>
                    <a:pt x="214516" y="1166762"/>
                  </a:cubicBezTo>
                  <a:cubicBezTo>
                    <a:pt x="245440" y="1195794"/>
                    <a:pt x="279057" y="1221994"/>
                    <a:pt x="314998" y="1244905"/>
                  </a:cubicBezTo>
                  <a:cubicBezTo>
                    <a:pt x="326111" y="1235647"/>
                    <a:pt x="339789" y="1229182"/>
                    <a:pt x="355168" y="1226947"/>
                  </a:cubicBezTo>
                  <a:cubicBezTo>
                    <a:pt x="399085" y="1221016"/>
                    <a:pt x="439687" y="1251356"/>
                    <a:pt x="445859" y="1295362"/>
                  </a:cubicBezTo>
                  <a:cubicBezTo>
                    <a:pt x="446545" y="1300277"/>
                    <a:pt x="446697" y="1305154"/>
                    <a:pt x="446481" y="1309954"/>
                  </a:cubicBezTo>
                  <a:cubicBezTo>
                    <a:pt x="481724" y="1322857"/>
                    <a:pt x="518351" y="1332903"/>
                    <a:pt x="556044" y="1339888"/>
                  </a:cubicBezTo>
                  <a:cubicBezTo>
                    <a:pt x="571767" y="1311427"/>
                    <a:pt x="600164" y="1290384"/>
                    <a:pt x="634949" y="1285469"/>
                  </a:cubicBezTo>
                  <a:cubicBezTo>
                    <a:pt x="683362" y="1278738"/>
                    <a:pt x="728663" y="1305573"/>
                    <a:pt x="747586" y="1348143"/>
                  </a:cubicBezTo>
                  <a:cubicBezTo>
                    <a:pt x="782218" y="1344790"/>
                    <a:pt x="816089" y="1338859"/>
                    <a:pt x="849020" y="1330541"/>
                  </a:cubicBezTo>
                  <a:cubicBezTo>
                    <a:pt x="839267" y="1315199"/>
                    <a:pt x="832434" y="1297699"/>
                    <a:pt x="829729" y="1278534"/>
                  </a:cubicBezTo>
                  <a:cubicBezTo>
                    <a:pt x="819544" y="1206640"/>
                    <a:pt x="869810" y="1140244"/>
                    <a:pt x="941870" y="1130071"/>
                  </a:cubicBezTo>
                  <a:cubicBezTo>
                    <a:pt x="1005992" y="1121169"/>
                    <a:pt x="1065555" y="1159789"/>
                    <a:pt x="1085152" y="1218870"/>
                  </a:cubicBezTo>
                  <a:cubicBezTo>
                    <a:pt x="1253211" y="1095096"/>
                    <a:pt x="1362240" y="896074"/>
                    <a:pt x="1362240" y="671627"/>
                  </a:cubicBezTo>
                </a:path>
              </a:pathLst>
            </a:custGeom>
            <a:solidFill>
              <a:srgbClr val="FFFFFF"/>
            </a:solidFill>
            <a:ln w="12700" cap="flat">
              <a:noFill/>
              <a:prstDash val="solid"/>
              <a:miter/>
            </a:ln>
          </p:spPr>
          <p:txBody>
            <a:bodyPr rtlCol="0" anchor="ctr"/>
            <a:lstStyle/>
            <a:p>
              <a:endParaRPr lang="da-DK"/>
            </a:p>
          </p:txBody>
        </p:sp>
        <p:sp>
          <p:nvSpPr>
            <p:cNvPr id="41" name="Kombinationstegning: figur 5">
              <a:extLst>
                <a:ext uri="{FF2B5EF4-FFF2-40B4-BE49-F238E27FC236}">
                  <a16:creationId xmlns:a16="http://schemas.microsoft.com/office/drawing/2014/main" id="{E2390177-FB9F-4E67-A120-4D1A364DA14E}"/>
                </a:ext>
              </a:extLst>
            </p:cNvPr>
            <p:cNvSpPr/>
            <p:nvPr/>
          </p:nvSpPr>
          <p:spPr>
            <a:xfrm>
              <a:off x="935138" y="5950288"/>
              <a:ext cx="116068" cy="121250"/>
            </a:xfrm>
            <a:custGeom>
              <a:avLst/>
              <a:gdLst>
                <a:gd name="connsiteX0" fmla="*/ 163195 w 177215"/>
                <a:gd name="connsiteY0" fmla="*/ 0 h 185127"/>
                <a:gd name="connsiteX1" fmla="*/ 172580 w 177215"/>
                <a:gd name="connsiteY1" fmla="*/ 3442 h 185127"/>
                <a:gd name="connsiteX2" fmla="*/ 176416 w 177215"/>
                <a:gd name="connsiteY2" fmla="*/ 12154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02 h 185127"/>
                <a:gd name="connsiteX7" fmla="*/ 26454 w 177215"/>
                <a:gd name="connsiteY7" fmla="*/ 36767 h 185127"/>
                <a:gd name="connsiteX8" fmla="*/ 26975 w 177215"/>
                <a:gd name="connsiteY8" fmla="*/ 66637 h 185127"/>
                <a:gd name="connsiteX9" fmla="*/ 29362 w 177215"/>
                <a:gd name="connsiteY9" fmla="*/ 76429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86 h 185127"/>
                <a:gd name="connsiteX24" fmla="*/ 150495 w 177215"/>
                <a:gd name="connsiteY24" fmla="*/ 148095 h 185127"/>
                <a:gd name="connsiteX25" fmla="*/ 150495 w 177215"/>
                <a:gd name="connsiteY25" fmla="*/ 117945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81 h 185127"/>
                <a:gd name="connsiteX31" fmla="*/ 2527 w 177215"/>
                <a:gd name="connsiteY31" fmla="*/ 89776 h 185127"/>
                <a:gd name="connsiteX32" fmla="*/ 533 w 177215"/>
                <a:gd name="connsiteY32" fmla="*/ 79870 h 185127"/>
                <a:gd name="connsiteX33" fmla="*/ 0 w 177215"/>
                <a:gd name="connsiteY33" fmla="*/ 25908 h 185127"/>
                <a:gd name="connsiteX34" fmla="*/ 7404 w 177215"/>
                <a:gd name="connsiteY34" fmla="*/ 7531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36"/>
                    <a:pt x="176416" y="12154"/>
                  </a:cubicBezTo>
                  <a:cubicBezTo>
                    <a:pt x="176416" y="15862"/>
                    <a:pt x="175133" y="18860"/>
                    <a:pt x="172580" y="21158"/>
                  </a:cubicBezTo>
                  <a:cubicBezTo>
                    <a:pt x="170015" y="23444"/>
                    <a:pt x="166891" y="24600"/>
                    <a:pt x="163195" y="24600"/>
                  </a:cubicBezTo>
                  <a:lnTo>
                    <a:pt x="38887" y="24600"/>
                  </a:lnTo>
                  <a:cubicBezTo>
                    <a:pt x="33782" y="24600"/>
                    <a:pt x="30429" y="25425"/>
                    <a:pt x="28842" y="27102"/>
                  </a:cubicBezTo>
                  <a:cubicBezTo>
                    <a:pt x="27254" y="28791"/>
                    <a:pt x="26454" y="32004"/>
                    <a:pt x="26454" y="36767"/>
                  </a:cubicBezTo>
                  <a:lnTo>
                    <a:pt x="26975" y="66637"/>
                  </a:lnTo>
                  <a:cubicBezTo>
                    <a:pt x="26975" y="71399"/>
                    <a:pt x="27775" y="74663"/>
                    <a:pt x="29362" y="76429"/>
                  </a:cubicBezTo>
                  <a:cubicBezTo>
                    <a:pt x="30950" y="78194"/>
                    <a:pt x="34303" y="79083"/>
                    <a:pt x="39421" y="79083"/>
                  </a:cubicBezTo>
                  <a:lnTo>
                    <a:pt x="151295" y="79083"/>
                  </a:lnTo>
                  <a:cubicBezTo>
                    <a:pt x="158521" y="79083"/>
                    <a:pt x="164643" y="81547"/>
                    <a:pt x="169672" y="86487"/>
                  </a:cubicBezTo>
                  <a:cubicBezTo>
                    <a:pt x="174689" y="91415"/>
                    <a:pt x="177216" y="97498"/>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86"/>
                  </a:cubicBezTo>
                  <a:cubicBezTo>
                    <a:pt x="149708" y="156121"/>
                    <a:pt x="150495" y="152870"/>
                    <a:pt x="150495" y="148095"/>
                  </a:cubicBezTo>
                  <a:lnTo>
                    <a:pt x="150495" y="117945"/>
                  </a:lnTo>
                  <a:cubicBezTo>
                    <a:pt x="150495" y="113005"/>
                    <a:pt x="149708" y="109715"/>
                    <a:pt x="148120" y="108039"/>
                  </a:cubicBezTo>
                  <a:cubicBezTo>
                    <a:pt x="146533" y="106363"/>
                    <a:pt x="143180" y="105524"/>
                    <a:pt x="138062" y="105524"/>
                  </a:cubicBezTo>
                  <a:lnTo>
                    <a:pt x="26187" y="105524"/>
                  </a:lnTo>
                  <a:cubicBezTo>
                    <a:pt x="22670" y="105524"/>
                    <a:pt x="19355" y="104864"/>
                    <a:pt x="16281" y="103530"/>
                  </a:cubicBezTo>
                  <a:cubicBezTo>
                    <a:pt x="13183" y="102210"/>
                    <a:pt x="10465" y="100355"/>
                    <a:pt x="8077" y="97981"/>
                  </a:cubicBezTo>
                  <a:cubicBezTo>
                    <a:pt x="5702" y="95593"/>
                    <a:pt x="3848" y="92862"/>
                    <a:pt x="2527" y="89776"/>
                  </a:cubicBezTo>
                  <a:cubicBezTo>
                    <a:pt x="1194" y="86703"/>
                    <a:pt x="533" y="83388"/>
                    <a:pt x="533" y="79870"/>
                  </a:cubicBezTo>
                  <a:lnTo>
                    <a:pt x="0" y="25908"/>
                  </a:lnTo>
                  <a:cubicBezTo>
                    <a:pt x="0" y="18694"/>
                    <a:pt x="2477" y="12548"/>
                    <a:pt x="7404" y="7531"/>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42" name="Kombinationstegning: figur 9">
              <a:extLst>
                <a:ext uri="{FF2B5EF4-FFF2-40B4-BE49-F238E27FC236}">
                  <a16:creationId xmlns:a16="http://schemas.microsoft.com/office/drawing/2014/main" id="{6428B890-FAE0-47D6-B911-FF0452E84195}"/>
                </a:ext>
              </a:extLst>
            </p:cNvPr>
            <p:cNvSpPr/>
            <p:nvPr/>
          </p:nvSpPr>
          <p:spPr>
            <a:xfrm>
              <a:off x="1096063" y="5950454"/>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43" name="Kombinationstegning: figur 10">
              <a:extLst>
                <a:ext uri="{FF2B5EF4-FFF2-40B4-BE49-F238E27FC236}">
                  <a16:creationId xmlns:a16="http://schemas.microsoft.com/office/drawing/2014/main" id="{D3FAC184-2020-4FA7-A06A-2273E8C87043}"/>
                </a:ext>
              </a:extLst>
            </p:cNvPr>
            <p:cNvSpPr/>
            <p:nvPr/>
          </p:nvSpPr>
          <p:spPr>
            <a:xfrm>
              <a:off x="1271707" y="5950288"/>
              <a:ext cx="112425" cy="121425"/>
            </a:xfrm>
            <a:custGeom>
              <a:avLst/>
              <a:gdLst>
                <a:gd name="connsiteX0" fmla="*/ 152083 w 171653"/>
                <a:gd name="connsiteY0" fmla="*/ 80924 h 185394"/>
                <a:gd name="connsiteX1" fmla="*/ 161468 w 171653"/>
                <a:gd name="connsiteY1" fmla="*/ 84226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56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26"/>
                  </a:cubicBezTo>
                  <a:cubicBezTo>
                    <a:pt x="164021" y="86436"/>
                    <a:pt x="165303" y="89383"/>
                    <a:pt x="165303" y="93091"/>
                  </a:cubicBezTo>
                  <a:cubicBezTo>
                    <a:pt x="165303" y="96609"/>
                    <a:pt x="164021" y="99441"/>
                    <a:pt x="161468" y="101549"/>
                  </a:cubicBezTo>
                  <a:cubicBezTo>
                    <a:pt x="158902" y="103670"/>
                    <a:pt x="155778" y="104724"/>
                    <a:pt x="152083" y="104724"/>
                  </a:cubicBezTo>
                  <a:lnTo>
                    <a:pt x="29616" y="104724"/>
                  </a:lnTo>
                  <a:cubicBezTo>
                    <a:pt x="27686" y="104724"/>
                    <a:pt x="26721" y="105778"/>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56"/>
                  </a:cubicBezTo>
                  <a:cubicBezTo>
                    <a:pt x="170332" y="5944"/>
                    <a:pt x="171653" y="8992"/>
                    <a:pt x="171653" y="12687"/>
                  </a:cubicBezTo>
                  <a:cubicBezTo>
                    <a:pt x="171653" y="16396"/>
                    <a:pt x="170332" y="19342"/>
                    <a:pt x="167691" y="21552"/>
                  </a:cubicBezTo>
                  <a:cubicBezTo>
                    <a:pt x="165049" y="23749"/>
                    <a:pt x="161950" y="24854"/>
                    <a:pt x="158420" y="24854"/>
                  </a:cubicBezTo>
                  <a:lnTo>
                    <a:pt x="29616" y="24854"/>
                  </a:lnTo>
                  <a:cubicBezTo>
                    <a:pt x="27686" y="24854"/>
                    <a:pt x="26721" y="25908"/>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44" name="Kombinationstegning: figur 11">
              <a:extLst>
                <a:ext uri="{FF2B5EF4-FFF2-40B4-BE49-F238E27FC236}">
                  <a16:creationId xmlns:a16="http://schemas.microsoft.com/office/drawing/2014/main" id="{254BCC83-A857-4242-B7C0-8FDCA0585AB6}"/>
                </a:ext>
              </a:extLst>
            </p:cNvPr>
            <p:cNvSpPr/>
            <p:nvPr/>
          </p:nvSpPr>
          <p:spPr>
            <a:xfrm>
              <a:off x="1453069" y="5947684"/>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02 h 193332"/>
                <a:gd name="connsiteX19" fmla="*/ 29616 w 181965"/>
                <a:gd name="connsiteY19" fmla="*/ 26708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31 h 193332"/>
                <a:gd name="connsiteX29" fmla="*/ 12967 w 181965"/>
                <a:gd name="connsiteY29" fmla="*/ 3975 h 193332"/>
                <a:gd name="connsiteX30" fmla="*/ 44437 w 181965"/>
                <a:gd name="connsiteY30" fmla="*/ 3975 h 193332"/>
                <a:gd name="connsiteX31" fmla="*/ 50914 w 181965"/>
                <a:gd name="connsiteY31" fmla="*/ 5550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32"/>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21"/>
                    <a:pt x="165037" y="0"/>
                    <a:pt x="168745" y="0"/>
                  </a:cubicBezTo>
                  <a:cubicBezTo>
                    <a:pt x="172441" y="0"/>
                    <a:pt x="175578" y="1321"/>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07"/>
                    <a:pt x="33109" y="27381"/>
                    <a:pt x="32664" y="27102"/>
                  </a:cubicBezTo>
                  <a:cubicBezTo>
                    <a:pt x="32233" y="26848"/>
                    <a:pt x="31204" y="26708"/>
                    <a:pt x="29616" y="26708"/>
                  </a:cubicBezTo>
                  <a:cubicBezTo>
                    <a:pt x="28384" y="26708"/>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31"/>
                  </a:cubicBezTo>
                  <a:cubicBezTo>
                    <a:pt x="5740" y="5423"/>
                    <a:pt x="8903" y="3975"/>
                    <a:pt x="12967" y="3975"/>
                  </a:cubicBezTo>
                  <a:lnTo>
                    <a:pt x="44437" y="3975"/>
                  </a:lnTo>
                  <a:cubicBezTo>
                    <a:pt x="46901" y="3975"/>
                    <a:pt x="49060" y="4496"/>
                    <a:pt x="50914" y="5550"/>
                  </a:cubicBezTo>
                  <a:cubicBezTo>
                    <a:pt x="52768" y="6617"/>
                    <a:pt x="54572" y="8547"/>
                    <a:pt x="56337" y="11379"/>
                  </a:cubicBezTo>
                </a:path>
              </a:pathLst>
            </a:custGeom>
            <a:solidFill>
              <a:srgbClr val="FFFFFF"/>
            </a:solidFill>
            <a:ln w="12700" cap="flat">
              <a:noFill/>
              <a:prstDash val="solid"/>
              <a:miter/>
            </a:ln>
          </p:spPr>
          <p:txBody>
            <a:bodyPr rtlCol="0" anchor="ctr"/>
            <a:lstStyle/>
            <a:p>
              <a:endParaRPr lang="da-DK"/>
            </a:p>
          </p:txBody>
        </p:sp>
        <p:sp>
          <p:nvSpPr>
            <p:cNvPr id="45" name="Kombinationstegning: figur 12">
              <a:extLst>
                <a:ext uri="{FF2B5EF4-FFF2-40B4-BE49-F238E27FC236}">
                  <a16:creationId xmlns:a16="http://schemas.microsoft.com/office/drawing/2014/main" id="{A1BC4212-1DF8-4E3F-B033-0E7C745AFFDE}"/>
                </a:ext>
              </a:extLst>
            </p:cNvPr>
            <p:cNvSpPr/>
            <p:nvPr/>
          </p:nvSpPr>
          <p:spPr>
            <a:xfrm>
              <a:off x="1643435" y="5950105"/>
              <a:ext cx="121425" cy="121608"/>
            </a:xfrm>
            <a:custGeom>
              <a:avLst/>
              <a:gdLst>
                <a:gd name="connsiteX0" fmla="*/ 39141 w 185394"/>
                <a:gd name="connsiteY0" fmla="*/ 24600 h 185673"/>
                <a:gd name="connsiteX1" fmla="*/ 28956 w 185394"/>
                <a:gd name="connsiteY1" fmla="*/ 26975 h 185673"/>
                <a:gd name="connsiteX2" fmla="*/ 26441 w 185394"/>
                <a:gd name="connsiteY2" fmla="*/ 37033 h 185673"/>
                <a:gd name="connsiteX3" fmla="*/ 26441 w 185394"/>
                <a:gd name="connsiteY3" fmla="*/ 148654 h 185673"/>
                <a:gd name="connsiteX4" fmla="*/ 29096 w 185394"/>
                <a:gd name="connsiteY4" fmla="*/ 158699 h 185673"/>
                <a:gd name="connsiteX5" fmla="*/ 39675 w 185394"/>
                <a:gd name="connsiteY5" fmla="*/ 161074 h 185673"/>
                <a:gd name="connsiteX6" fmla="*/ 146787 w 185394"/>
                <a:gd name="connsiteY6" fmla="*/ 161074 h 185673"/>
                <a:gd name="connsiteX7" fmla="*/ 156705 w 185394"/>
                <a:gd name="connsiteY7" fmla="*/ 158699 h 185673"/>
                <a:gd name="connsiteX8" fmla="*/ 158953 w 185394"/>
                <a:gd name="connsiteY8" fmla="*/ 148654 h 185673"/>
                <a:gd name="connsiteX9" fmla="*/ 158953 w 185394"/>
                <a:gd name="connsiteY9" fmla="*/ 37033 h 185673"/>
                <a:gd name="connsiteX10" fmla="*/ 156566 w 185394"/>
                <a:gd name="connsiteY10" fmla="*/ 26975 h 185673"/>
                <a:gd name="connsiteX11" fmla="*/ 146520 w 185394"/>
                <a:gd name="connsiteY11" fmla="*/ 24600 h 185673"/>
                <a:gd name="connsiteX12" fmla="*/ 159741 w 185394"/>
                <a:gd name="connsiteY12" fmla="*/ 0 h 185673"/>
                <a:gd name="connsiteX13" fmla="*/ 177990 w 185394"/>
                <a:gd name="connsiteY13" fmla="*/ 7544 h 185673"/>
                <a:gd name="connsiteX14" fmla="*/ 185395 w 185394"/>
                <a:gd name="connsiteY14" fmla="*/ 25921 h 185673"/>
                <a:gd name="connsiteX15" fmla="*/ 185395 w 185394"/>
                <a:gd name="connsiteY15" fmla="*/ 159753 h 185673"/>
                <a:gd name="connsiteX16" fmla="*/ 177990 w 185394"/>
                <a:gd name="connsiteY16" fmla="*/ 178143 h 185673"/>
                <a:gd name="connsiteX17" fmla="*/ 159741 w 185394"/>
                <a:gd name="connsiteY17" fmla="*/ 185674 h 185673"/>
                <a:gd name="connsiteX18" fmla="*/ 25654 w 185394"/>
                <a:gd name="connsiteY18" fmla="*/ 185674 h 185673"/>
                <a:gd name="connsiteX19" fmla="*/ 15735 w 185394"/>
                <a:gd name="connsiteY19" fmla="*/ 183680 h 185673"/>
                <a:gd name="connsiteX20" fmla="*/ 7544 w 185394"/>
                <a:gd name="connsiteY20" fmla="*/ 178143 h 185673"/>
                <a:gd name="connsiteX21" fmla="*/ 1981 w 185394"/>
                <a:gd name="connsiteY21" fmla="*/ 169812 h 185673"/>
                <a:gd name="connsiteX22" fmla="*/ 0 w 185394"/>
                <a:gd name="connsiteY22" fmla="*/ 159753 h 185673"/>
                <a:gd name="connsiteX23" fmla="*/ 0 w 185394"/>
                <a:gd name="connsiteY23" fmla="*/ 25921 h 185673"/>
                <a:gd name="connsiteX24" fmla="*/ 1981 w 185394"/>
                <a:gd name="connsiteY24" fmla="*/ 15875 h 185673"/>
                <a:gd name="connsiteX25" fmla="*/ 7544 w 185394"/>
                <a:gd name="connsiteY25" fmla="*/ 7544 h 185673"/>
                <a:gd name="connsiteX26" fmla="*/ 15735 w 185394"/>
                <a:gd name="connsiteY26" fmla="*/ 1994 h 185673"/>
                <a:gd name="connsiteX27" fmla="*/ 25654 w 185394"/>
                <a:gd name="connsiteY27" fmla="*/ 0 h 185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85394" h="185673">
                  <a:moveTo>
                    <a:pt x="39141" y="24600"/>
                  </a:moveTo>
                  <a:cubicBezTo>
                    <a:pt x="34023" y="24600"/>
                    <a:pt x="30632" y="25387"/>
                    <a:pt x="28956" y="26975"/>
                  </a:cubicBezTo>
                  <a:cubicBezTo>
                    <a:pt x="27280" y="28562"/>
                    <a:pt x="26441" y="31928"/>
                    <a:pt x="26441" y="37033"/>
                  </a:cubicBezTo>
                  <a:lnTo>
                    <a:pt x="26441" y="148654"/>
                  </a:lnTo>
                  <a:cubicBezTo>
                    <a:pt x="26441" y="153772"/>
                    <a:pt x="27318" y="157124"/>
                    <a:pt x="29096" y="158699"/>
                  </a:cubicBezTo>
                  <a:cubicBezTo>
                    <a:pt x="30848" y="160287"/>
                    <a:pt x="34379" y="161074"/>
                    <a:pt x="39675" y="161074"/>
                  </a:cubicBezTo>
                  <a:lnTo>
                    <a:pt x="146787" y="161074"/>
                  </a:lnTo>
                  <a:cubicBezTo>
                    <a:pt x="151892" y="161074"/>
                    <a:pt x="155207" y="160287"/>
                    <a:pt x="156705" y="158699"/>
                  </a:cubicBezTo>
                  <a:cubicBezTo>
                    <a:pt x="158191" y="157124"/>
                    <a:pt x="158953" y="153772"/>
                    <a:pt x="158953" y="148654"/>
                  </a:cubicBezTo>
                  <a:lnTo>
                    <a:pt x="158953" y="37033"/>
                  </a:lnTo>
                  <a:cubicBezTo>
                    <a:pt x="158953" y="31928"/>
                    <a:pt x="158153" y="28562"/>
                    <a:pt x="156566" y="26975"/>
                  </a:cubicBezTo>
                  <a:cubicBezTo>
                    <a:pt x="154978" y="25387"/>
                    <a:pt x="151625" y="24600"/>
                    <a:pt x="146520" y="24600"/>
                  </a:cubicBezTo>
                  <a:close/>
                  <a:moveTo>
                    <a:pt x="159741" y="0"/>
                  </a:moveTo>
                  <a:cubicBezTo>
                    <a:pt x="166967" y="0"/>
                    <a:pt x="173050" y="2527"/>
                    <a:pt x="177990" y="7544"/>
                  </a:cubicBezTo>
                  <a:cubicBezTo>
                    <a:pt x="182918" y="12573"/>
                    <a:pt x="185395" y="18694"/>
                    <a:pt x="185395" y="25921"/>
                  </a:cubicBezTo>
                  <a:lnTo>
                    <a:pt x="185395" y="159753"/>
                  </a:lnTo>
                  <a:cubicBezTo>
                    <a:pt x="185395" y="166992"/>
                    <a:pt x="182918" y="173101"/>
                    <a:pt x="177990" y="178143"/>
                  </a:cubicBezTo>
                  <a:cubicBezTo>
                    <a:pt x="173050" y="183159"/>
                    <a:pt x="166967" y="185674"/>
                    <a:pt x="159741" y="185674"/>
                  </a:cubicBezTo>
                  <a:lnTo>
                    <a:pt x="25654" y="185674"/>
                  </a:lnTo>
                  <a:cubicBezTo>
                    <a:pt x="22123" y="185674"/>
                    <a:pt x="18809" y="185014"/>
                    <a:pt x="15735" y="183680"/>
                  </a:cubicBezTo>
                  <a:cubicBezTo>
                    <a:pt x="12649" y="182372"/>
                    <a:pt x="9906" y="180505"/>
                    <a:pt x="7544" y="178143"/>
                  </a:cubicBezTo>
                  <a:cubicBezTo>
                    <a:pt x="5156" y="175755"/>
                    <a:pt x="3302" y="172987"/>
                    <a:pt x="1981" y="169812"/>
                  </a:cubicBezTo>
                  <a:cubicBezTo>
                    <a:pt x="660" y="166637"/>
                    <a:pt x="0" y="163284"/>
                    <a:pt x="0" y="159753"/>
                  </a:cubicBezTo>
                  <a:lnTo>
                    <a:pt x="0" y="25921"/>
                  </a:lnTo>
                  <a:cubicBezTo>
                    <a:pt x="0" y="22403"/>
                    <a:pt x="660" y="19050"/>
                    <a:pt x="1981" y="15875"/>
                  </a:cubicBezTo>
                  <a:cubicBezTo>
                    <a:pt x="3302" y="12700"/>
                    <a:pt x="5156" y="9931"/>
                    <a:pt x="7544" y="7544"/>
                  </a:cubicBezTo>
                  <a:cubicBezTo>
                    <a:pt x="9906" y="5169"/>
                    <a:pt x="12649" y="3315"/>
                    <a:pt x="15735" y="1994"/>
                  </a:cubicBezTo>
                  <a:cubicBezTo>
                    <a:pt x="18809" y="673"/>
                    <a:pt x="22123" y="0"/>
                    <a:pt x="25654" y="0"/>
                  </a:cubicBezTo>
                  <a:close/>
                </a:path>
              </a:pathLst>
            </a:custGeom>
            <a:solidFill>
              <a:srgbClr val="FFFFFF"/>
            </a:solidFill>
            <a:ln w="12700" cap="flat">
              <a:noFill/>
              <a:prstDash val="solid"/>
              <a:miter/>
            </a:ln>
          </p:spPr>
          <p:txBody>
            <a:bodyPr rtlCol="0" anchor="ctr"/>
            <a:lstStyle/>
            <a:p>
              <a:endParaRPr lang="da-DK"/>
            </a:p>
          </p:txBody>
        </p:sp>
        <p:sp>
          <p:nvSpPr>
            <p:cNvPr id="46" name="Kombinationstegning: figur 13">
              <a:extLst>
                <a:ext uri="{FF2B5EF4-FFF2-40B4-BE49-F238E27FC236}">
                  <a16:creationId xmlns:a16="http://schemas.microsoft.com/office/drawing/2014/main" id="{1AAAA3DE-8622-4363-A90C-ADC136EB038E}"/>
                </a:ext>
              </a:extLst>
            </p:cNvPr>
            <p:cNvSpPr/>
            <p:nvPr/>
          </p:nvSpPr>
          <p:spPr>
            <a:xfrm>
              <a:off x="720000" y="6172627"/>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sp>
          <p:nvSpPr>
            <p:cNvPr id="47" name="Kombinationstegning: figur 14">
              <a:extLst>
                <a:ext uri="{FF2B5EF4-FFF2-40B4-BE49-F238E27FC236}">
                  <a16:creationId xmlns:a16="http://schemas.microsoft.com/office/drawing/2014/main" id="{313AE3CF-4ED8-4747-B8D1-06EC8823DBFB}"/>
                </a:ext>
              </a:extLst>
            </p:cNvPr>
            <p:cNvSpPr/>
            <p:nvPr/>
          </p:nvSpPr>
          <p:spPr>
            <a:xfrm>
              <a:off x="909333" y="6170035"/>
              <a:ext cx="17318" cy="126449"/>
            </a:xfrm>
            <a:custGeom>
              <a:avLst/>
              <a:gdLst>
                <a:gd name="connsiteX0" fmla="*/ 3835 w 26441"/>
                <a:gd name="connsiteY0" fmla="*/ 3962 h 193065"/>
                <a:gd name="connsiteX1" fmla="*/ 13221 w 26441"/>
                <a:gd name="connsiteY1" fmla="*/ 0 h 193065"/>
                <a:gd name="connsiteX2" fmla="*/ 22492 w 26441"/>
                <a:gd name="connsiteY2" fmla="*/ 3962 h 193065"/>
                <a:gd name="connsiteX3" fmla="*/ 26441 w 26441"/>
                <a:gd name="connsiteY3" fmla="*/ 13221 h 193065"/>
                <a:gd name="connsiteX4" fmla="*/ 26441 w 26441"/>
                <a:gd name="connsiteY4" fmla="*/ 179845 h 193065"/>
                <a:gd name="connsiteX5" fmla="*/ 22492 w 26441"/>
                <a:gd name="connsiteY5" fmla="*/ 189090 h 193065"/>
                <a:gd name="connsiteX6" fmla="*/ 13221 w 26441"/>
                <a:gd name="connsiteY6" fmla="*/ 193065 h 193065"/>
                <a:gd name="connsiteX7" fmla="*/ 3835 w 26441"/>
                <a:gd name="connsiteY7" fmla="*/ 189090 h 193065"/>
                <a:gd name="connsiteX8" fmla="*/ 0 w 26441"/>
                <a:gd name="connsiteY8" fmla="*/ 179845 h 193065"/>
                <a:gd name="connsiteX9" fmla="*/ 0 w 26441"/>
                <a:gd name="connsiteY9" fmla="*/ 13221 h 193065"/>
                <a:gd name="connsiteX10" fmla="*/ 3835 w 26441"/>
                <a:gd name="connsiteY10" fmla="*/ 3962 h 193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441" h="193065">
                  <a:moveTo>
                    <a:pt x="3835" y="3962"/>
                  </a:moveTo>
                  <a:cubicBezTo>
                    <a:pt x="6388" y="1321"/>
                    <a:pt x="9525" y="0"/>
                    <a:pt x="13221" y="0"/>
                  </a:cubicBezTo>
                  <a:cubicBezTo>
                    <a:pt x="16751" y="0"/>
                    <a:pt x="19837" y="1321"/>
                    <a:pt x="22492" y="3962"/>
                  </a:cubicBezTo>
                  <a:cubicBezTo>
                    <a:pt x="25133" y="6604"/>
                    <a:pt x="26441" y="9690"/>
                    <a:pt x="26441" y="13221"/>
                  </a:cubicBezTo>
                  <a:lnTo>
                    <a:pt x="26441" y="179845"/>
                  </a:lnTo>
                  <a:cubicBezTo>
                    <a:pt x="26441" y="183363"/>
                    <a:pt x="25133" y="186449"/>
                    <a:pt x="22492" y="189090"/>
                  </a:cubicBezTo>
                  <a:cubicBezTo>
                    <a:pt x="19837" y="191732"/>
                    <a:pt x="16751" y="193065"/>
                    <a:pt x="13221" y="193065"/>
                  </a:cubicBezTo>
                  <a:cubicBezTo>
                    <a:pt x="9525" y="193065"/>
                    <a:pt x="6388" y="191732"/>
                    <a:pt x="3835" y="189090"/>
                  </a:cubicBezTo>
                  <a:cubicBezTo>
                    <a:pt x="1283" y="186449"/>
                    <a:pt x="0" y="183363"/>
                    <a:pt x="0" y="179845"/>
                  </a:cubicBezTo>
                  <a:lnTo>
                    <a:pt x="0" y="13221"/>
                  </a:lnTo>
                  <a:cubicBezTo>
                    <a:pt x="0" y="9690"/>
                    <a:pt x="1283" y="6604"/>
                    <a:pt x="3835" y="3962"/>
                  </a:cubicBezTo>
                </a:path>
              </a:pathLst>
            </a:custGeom>
            <a:solidFill>
              <a:srgbClr val="FFFFFF"/>
            </a:solidFill>
            <a:ln w="12700" cap="flat">
              <a:noFill/>
              <a:prstDash val="solid"/>
              <a:miter/>
            </a:ln>
          </p:spPr>
          <p:txBody>
            <a:bodyPr rtlCol="0" anchor="ctr"/>
            <a:lstStyle/>
            <a:p>
              <a:endParaRPr lang="da-DK"/>
            </a:p>
          </p:txBody>
        </p:sp>
        <p:sp>
          <p:nvSpPr>
            <p:cNvPr id="48" name="Kombinationstegning: figur 15">
              <a:extLst>
                <a:ext uri="{FF2B5EF4-FFF2-40B4-BE49-F238E27FC236}">
                  <a16:creationId xmlns:a16="http://schemas.microsoft.com/office/drawing/2014/main" id="{73B0F4A7-35A5-426A-B96B-F7A53FDD80FE}"/>
                </a:ext>
              </a:extLst>
            </p:cNvPr>
            <p:cNvSpPr/>
            <p:nvPr/>
          </p:nvSpPr>
          <p:spPr>
            <a:xfrm>
              <a:off x="983604" y="6172631"/>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49" name="Kombinationstegning: figur 16">
              <a:extLst>
                <a:ext uri="{FF2B5EF4-FFF2-40B4-BE49-F238E27FC236}">
                  <a16:creationId xmlns:a16="http://schemas.microsoft.com/office/drawing/2014/main" id="{1B78E339-689F-45F5-AA92-284D816AFAD2}"/>
                </a:ext>
              </a:extLst>
            </p:cNvPr>
            <p:cNvSpPr/>
            <p:nvPr/>
          </p:nvSpPr>
          <p:spPr>
            <a:xfrm>
              <a:off x="1174008" y="6172631"/>
              <a:ext cx="116576" cy="121250"/>
            </a:xfrm>
            <a:custGeom>
              <a:avLst/>
              <a:gdLst>
                <a:gd name="connsiteX0" fmla="*/ 139637 w 177990"/>
                <a:gd name="connsiteY0" fmla="*/ 102616 h 185127"/>
                <a:gd name="connsiteX1" fmla="*/ 29350 w 177990"/>
                <a:gd name="connsiteY1" fmla="*/ 102616 h 185127"/>
                <a:gd name="connsiteX2" fmla="*/ 26708 w 177990"/>
                <a:gd name="connsiteY2" fmla="*/ 103137 h 185127"/>
                <a:gd name="connsiteX3" fmla="*/ 26175 w 177990"/>
                <a:gd name="connsiteY3" fmla="*/ 105791 h 185127"/>
                <a:gd name="connsiteX4" fmla="*/ 26175 w 177990"/>
                <a:gd name="connsiteY4" fmla="*/ 157899 h 185127"/>
                <a:gd name="connsiteX5" fmla="*/ 26708 w 177990"/>
                <a:gd name="connsiteY5" fmla="*/ 160261 h 185127"/>
                <a:gd name="connsiteX6" fmla="*/ 29350 w 177990"/>
                <a:gd name="connsiteY6" fmla="*/ 160795 h 185127"/>
                <a:gd name="connsiteX7" fmla="*/ 139637 w 177990"/>
                <a:gd name="connsiteY7" fmla="*/ 160795 h 185127"/>
                <a:gd name="connsiteX8" fmla="*/ 149301 w 177990"/>
                <a:gd name="connsiteY8" fmla="*/ 158420 h 185127"/>
                <a:gd name="connsiteX9" fmla="*/ 151803 w 177990"/>
                <a:gd name="connsiteY9" fmla="*/ 148628 h 185127"/>
                <a:gd name="connsiteX10" fmla="*/ 151803 w 177990"/>
                <a:gd name="connsiteY10" fmla="*/ 114783 h 185127"/>
                <a:gd name="connsiteX11" fmla="*/ 149428 w 177990"/>
                <a:gd name="connsiteY11" fmla="*/ 104864 h 185127"/>
                <a:gd name="connsiteX12" fmla="*/ 139637 w 177990"/>
                <a:gd name="connsiteY12" fmla="*/ 102616 h 185127"/>
                <a:gd name="connsiteX13" fmla="*/ 139637 w 177990"/>
                <a:gd name="connsiteY13" fmla="*/ 78283 h 185127"/>
                <a:gd name="connsiteX14" fmla="*/ 149428 w 177990"/>
                <a:gd name="connsiteY14" fmla="*/ 76035 h 185127"/>
                <a:gd name="connsiteX15" fmla="*/ 151803 w 177990"/>
                <a:gd name="connsiteY15" fmla="*/ 66116 h 185127"/>
                <a:gd name="connsiteX16" fmla="*/ 151803 w 177990"/>
                <a:gd name="connsiteY16" fmla="*/ 36500 h 185127"/>
                <a:gd name="connsiteX17" fmla="*/ 149301 w 177990"/>
                <a:gd name="connsiteY17" fmla="*/ 26581 h 185127"/>
                <a:gd name="connsiteX18" fmla="*/ 139637 w 177990"/>
                <a:gd name="connsiteY18" fmla="*/ 24054 h 185127"/>
                <a:gd name="connsiteX19" fmla="*/ 29350 w 177990"/>
                <a:gd name="connsiteY19" fmla="*/ 24054 h 185127"/>
                <a:gd name="connsiteX20" fmla="*/ 26708 w 177990"/>
                <a:gd name="connsiteY20" fmla="*/ 24587 h 185127"/>
                <a:gd name="connsiteX21" fmla="*/ 26175 w 177990"/>
                <a:gd name="connsiteY21" fmla="*/ 27229 h 185127"/>
                <a:gd name="connsiteX22" fmla="*/ 26175 w 177990"/>
                <a:gd name="connsiteY22" fmla="*/ 75362 h 185127"/>
                <a:gd name="connsiteX23" fmla="*/ 26708 w 177990"/>
                <a:gd name="connsiteY23" fmla="*/ 77749 h 185127"/>
                <a:gd name="connsiteX24" fmla="*/ 29350 w 177990"/>
                <a:gd name="connsiteY24" fmla="*/ 78283 h 185127"/>
                <a:gd name="connsiteX25" fmla="*/ 177991 w 177990"/>
                <a:gd name="connsiteY25" fmla="*/ 121920 h 185127"/>
                <a:gd name="connsiteX26" fmla="*/ 177991 w 177990"/>
                <a:gd name="connsiteY26" fmla="*/ 153657 h 185127"/>
                <a:gd name="connsiteX27" fmla="*/ 170713 w 177990"/>
                <a:gd name="connsiteY27" fmla="*/ 177724 h 185127"/>
                <a:gd name="connsiteX28" fmla="*/ 146774 w 177990"/>
                <a:gd name="connsiteY28" fmla="*/ 185128 h 185127"/>
                <a:gd name="connsiteX29" fmla="*/ 4229 w 177990"/>
                <a:gd name="connsiteY29" fmla="*/ 185128 h 185127"/>
                <a:gd name="connsiteX30" fmla="*/ 0 w 177990"/>
                <a:gd name="connsiteY30" fmla="*/ 180899 h 185127"/>
                <a:gd name="connsiteX31" fmla="*/ 0 w 177990"/>
                <a:gd name="connsiteY31" fmla="*/ 4229 h 185127"/>
                <a:gd name="connsiteX32" fmla="*/ 4229 w 177990"/>
                <a:gd name="connsiteY32" fmla="*/ 0 h 185127"/>
                <a:gd name="connsiteX33" fmla="*/ 146774 w 177990"/>
                <a:gd name="connsiteY33" fmla="*/ 0 h 185127"/>
                <a:gd name="connsiteX34" fmla="*/ 170713 w 177990"/>
                <a:gd name="connsiteY34" fmla="*/ 7404 h 185127"/>
                <a:gd name="connsiteX35" fmla="*/ 177991 w 177990"/>
                <a:gd name="connsiteY35" fmla="*/ 31458 h 185127"/>
                <a:gd name="connsiteX36" fmla="*/ 177991 w 177990"/>
                <a:gd name="connsiteY36" fmla="*/ 58966 h 185127"/>
                <a:gd name="connsiteX37" fmla="*/ 170713 w 177990"/>
                <a:gd name="connsiteY37" fmla="*/ 83045 h 185127"/>
                <a:gd name="connsiteX38" fmla="*/ 146774 w 177990"/>
                <a:gd name="connsiteY38" fmla="*/ 90449 h 185127"/>
                <a:gd name="connsiteX39" fmla="*/ 170713 w 177990"/>
                <a:gd name="connsiteY39" fmla="*/ 97854 h 185127"/>
                <a:gd name="connsiteX40" fmla="*/ 177991 w 177990"/>
                <a:gd name="connsiteY40" fmla="*/ 12192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77990" h="185127">
                  <a:moveTo>
                    <a:pt x="139637" y="102616"/>
                  </a:moveTo>
                  <a:lnTo>
                    <a:pt x="29350" y="102616"/>
                  </a:lnTo>
                  <a:cubicBezTo>
                    <a:pt x="27940" y="102616"/>
                    <a:pt x="27064" y="102794"/>
                    <a:pt x="26708" y="103137"/>
                  </a:cubicBezTo>
                  <a:cubicBezTo>
                    <a:pt x="26352" y="103492"/>
                    <a:pt x="26175" y="104381"/>
                    <a:pt x="26175" y="105791"/>
                  </a:cubicBezTo>
                  <a:lnTo>
                    <a:pt x="26175" y="157899"/>
                  </a:lnTo>
                  <a:cubicBezTo>
                    <a:pt x="26175" y="159118"/>
                    <a:pt x="26352" y="159918"/>
                    <a:pt x="26708" y="160261"/>
                  </a:cubicBezTo>
                  <a:cubicBezTo>
                    <a:pt x="27064" y="160617"/>
                    <a:pt x="27940" y="160795"/>
                    <a:pt x="29350" y="160795"/>
                  </a:cubicBezTo>
                  <a:lnTo>
                    <a:pt x="139637" y="160795"/>
                  </a:lnTo>
                  <a:cubicBezTo>
                    <a:pt x="144399" y="160795"/>
                    <a:pt x="147612" y="160007"/>
                    <a:pt x="149301" y="158420"/>
                  </a:cubicBezTo>
                  <a:cubicBezTo>
                    <a:pt x="150978" y="156832"/>
                    <a:pt x="151803" y="153568"/>
                    <a:pt x="151803" y="148628"/>
                  </a:cubicBezTo>
                  <a:lnTo>
                    <a:pt x="151803" y="114783"/>
                  </a:lnTo>
                  <a:cubicBezTo>
                    <a:pt x="151803" y="109665"/>
                    <a:pt x="151016" y="106363"/>
                    <a:pt x="149428" y="104864"/>
                  </a:cubicBezTo>
                  <a:cubicBezTo>
                    <a:pt x="147841" y="103365"/>
                    <a:pt x="144577" y="102616"/>
                    <a:pt x="139637" y="102616"/>
                  </a:cubicBezTo>
                  <a:moveTo>
                    <a:pt x="139637" y="78283"/>
                  </a:moveTo>
                  <a:cubicBezTo>
                    <a:pt x="144577" y="78283"/>
                    <a:pt x="147841" y="77534"/>
                    <a:pt x="149428" y="76035"/>
                  </a:cubicBezTo>
                  <a:cubicBezTo>
                    <a:pt x="151016" y="74536"/>
                    <a:pt x="151803" y="71222"/>
                    <a:pt x="151803" y="66116"/>
                  </a:cubicBezTo>
                  <a:lnTo>
                    <a:pt x="151803" y="36500"/>
                  </a:lnTo>
                  <a:cubicBezTo>
                    <a:pt x="151803" y="31560"/>
                    <a:pt x="150978" y="28257"/>
                    <a:pt x="149301" y="26581"/>
                  </a:cubicBezTo>
                  <a:cubicBezTo>
                    <a:pt x="147612" y="24905"/>
                    <a:pt x="144399" y="24054"/>
                    <a:pt x="139637" y="24054"/>
                  </a:cubicBezTo>
                  <a:lnTo>
                    <a:pt x="29350" y="24054"/>
                  </a:lnTo>
                  <a:cubicBezTo>
                    <a:pt x="27940" y="24054"/>
                    <a:pt x="27064" y="24244"/>
                    <a:pt x="26708" y="24587"/>
                  </a:cubicBezTo>
                  <a:cubicBezTo>
                    <a:pt x="26352" y="24956"/>
                    <a:pt x="26175" y="25832"/>
                    <a:pt x="26175" y="27229"/>
                  </a:cubicBezTo>
                  <a:lnTo>
                    <a:pt x="26175" y="75362"/>
                  </a:lnTo>
                  <a:cubicBezTo>
                    <a:pt x="26175" y="76606"/>
                    <a:pt x="26352" y="77407"/>
                    <a:pt x="26708" y="77749"/>
                  </a:cubicBezTo>
                  <a:cubicBezTo>
                    <a:pt x="27064" y="78105"/>
                    <a:pt x="27940" y="78283"/>
                    <a:pt x="29350" y="78283"/>
                  </a:cubicBezTo>
                  <a:close/>
                  <a:moveTo>
                    <a:pt x="177991" y="121920"/>
                  </a:moveTo>
                  <a:lnTo>
                    <a:pt x="177991" y="153657"/>
                  </a:lnTo>
                  <a:cubicBezTo>
                    <a:pt x="177991" y="164770"/>
                    <a:pt x="175565" y="172784"/>
                    <a:pt x="170713" y="177724"/>
                  </a:cubicBezTo>
                  <a:cubicBezTo>
                    <a:pt x="165862" y="182664"/>
                    <a:pt x="157886" y="185128"/>
                    <a:pt x="146774" y="185128"/>
                  </a:cubicBezTo>
                  <a:lnTo>
                    <a:pt x="4229" y="185128"/>
                  </a:lnTo>
                  <a:cubicBezTo>
                    <a:pt x="1410" y="185128"/>
                    <a:pt x="0" y="183718"/>
                    <a:pt x="0" y="180899"/>
                  </a:cubicBezTo>
                  <a:lnTo>
                    <a:pt x="0" y="4229"/>
                  </a:lnTo>
                  <a:cubicBezTo>
                    <a:pt x="0" y="1410"/>
                    <a:pt x="1410" y="0"/>
                    <a:pt x="4229" y="0"/>
                  </a:cubicBezTo>
                  <a:lnTo>
                    <a:pt x="146774" y="0"/>
                  </a:lnTo>
                  <a:cubicBezTo>
                    <a:pt x="157886" y="0"/>
                    <a:pt x="165862" y="2464"/>
                    <a:pt x="170713" y="7404"/>
                  </a:cubicBezTo>
                  <a:cubicBezTo>
                    <a:pt x="175565" y="12344"/>
                    <a:pt x="177991" y="20358"/>
                    <a:pt x="177991" y="31458"/>
                  </a:cubicBezTo>
                  <a:lnTo>
                    <a:pt x="177991" y="58966"/>
                  </a:lnTo>
                  <a:cubicBezTo>
                    <a:pt x="177991" y="70079"/>
                    <a:pt x="175565" y="78105"/>
                    <a:pt x="170713" y="83045"/>
                  </a:cubicBezTo>
                  <a:cubicBezTo>
                    <a:pt x="165862" y="87986"/>
                    <a:pt x="157886" y="90449"/>
                    <a:pt x="146774" y="90449"/>
                  </a:cubicBezTo>
                  <a:cubicBezTo>
                    <a:pt x="157886" y="90449"/>
                    <a:pt x="165862" y="92913"/>
                    <a:pt x="170713" y="97854"/>
                  </a:cubicBezTo>
                  <a:cubicBezTo>
                    <a:pt x="175565" y="102794"/>
                    <a:pt x="177991" y="110820"/>
                    <a:pt x="177991" y="121920"/>
                  </a:cubicBezTo>
                </a:path>
              </a:pathLst>
            </a:custGeom>
            <a:solidFill>
              <a:srgbClr val="FFFFFF"/>
            </a:solidFill>
            <a:ln w="12700" cap="flat">
              <a:noFill/>
              <a:prstDash val="solid"/>
              <a:miter/>
            </a:ln>
          </p:spPr>
          <p:txBody>
            <a:bodyPr rtlCol="0" anchor="ctr"/>
            <a:lstStyle/>
            <a:p>
              <a:endParaRPr lang="da-DK"/>
            </a:p>
          </p:txBody>
        </p:sp>
        <p:sp>
          <p:nvSpPr>
            <p:cNvPr id="50" name="Kombinationstegning: figur 18">
              <a:extLst>
                <a:ext uri="{FF2B5EF4-FFF2-40B4-BE49-F238E27FC236}">
                  <a16:creationId xmlns:a16="http://schemas.microsoft.com/office/drawing/2014/main" id="{9A11139F-DB74-4D90-B632-A295C49AE596}"/>
                </a:ext>
              </a:extLst>
            </p:cNvPr>
            <p:cNvSpPr/>
            <p:nvPr/>
          </p:nvSpPr>
          <p:spPr>
            <a:xfrm>
              <a:off x="136090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1" name="Kombinationstegning: figur 20">
              <a:extLst>
                <a:ext uri="{FF2B5EF4-FFF2-40B4-BE49-F238E27FC236}">
                  <a16:creationId xmlns:a16="http://schemas.microsoft.com/office/drawing/2014/main" id="{E2C03D42-7D34-46AE-B897-3D6C6794CA6C}"/>
                </a:ext>
              </a:extLst>
            </p:cNvPr>
            <p:cNvSpPr/>
            <p:nvPr/>
          </p:nvSpPr>
          <p:spPr>
            <a:xfrm>
              <a:off x="1520271" y="6172797"/>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52" name="Kombinationstegning: figur 21">
              <a:extLst>
                <a:ext uri="{FF2B5EF4-FFF2-40B4-BE49-F238E27FC236}">
                  <a16:creationId xmlns:a16="http://schemas.microsoft.com/office/drawing/2014/main" id="{5C10496A-6134-4BCF-A102-A435646682EA}"/>
                </a:ext>
              </a:extLst>
            </p:cNvPr>
            <p:cNvSpPr/>
            <p:nvPr/>
          </p:nvSpPr>
          <p:spPr>
            <a:xfrm>
              <a:off x="169244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3" name="Kombinationstegning: figur 22">
              <a:extLst>
                <a:ext uri="{FF2B5EF4-FFF2-40B4-BE49-F238E27FC236}">
                  <a16:creationId xmlns:a16="http://schemas.microsoft.com/office/drawing/2014/main" id="{514961D2-21FB-457B-8DC1-7D871A2DB052}"/>
                </a:ext>
              </a:extLst>
            </p:cNvPr>
            <p:cNvSpPr/>
            <p:nvPr/>
          </p:nvSpPr>
          <p:spPr>
            <a:xfrm>
              <a:off x="1863931" y="6172631"/>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54" name="Kombinationstegning: figur 23">
              <a:extLst>
                <a:ext uri="{FF2B5EF4-FFF2-40B4-BE49-F238E27FC236}">
                  <a16:creationId xmlns:a16="http://schemas.microsoft.com/office/drawing/2014/main" id="{8055E933-AEAE-4B2A-9051-00BF949CF3B0}"/>
                </a:ext>
              </a:extLst>
            </p:cNvPr>
            <p:cNvSpPr/>
            <p:nvPr/>
          </p:nvSpPr>
          <p:spPr>
            <a:xfrm>
              <a:off x="842503" y="6394971"/>
              <a:ext cx="111385" cy="121259"/>
            </a:xfrm>
            <a:custGeom>
              <a:avLst/>
              <a:gdLst>
                <a:gd name="connsiteX0" fmla="*/ 156845 w 170065"/>
                <a:gd name="connsiteY0" fmla="*/ 161061 h 185140"/>
                <a:gd name="connsiteX1" fmla="*/ 166230 w 170065"/>
                <a:gd name="connsiteY1" fmla="*/ 164376 h 185140"/>
                <a:gd name="connsiteX2" fmla="*/ 170066 w 170065"/>
                <a:gd name="connsiteY2" fmla="*/ 173228 h 185140"/>
                <a:gd name="connsiteX3" fmla="*/ 166230 w 170065"/>
                <a:gd name="connsiteY3" fmla="*/ 181826 h 185140"/>
                <a:gd name="connsiteX4" fmla="*/ 156845 w 170065"/>
                <a:gd name="connsiteY4" fmla="*/ 185141 h 185140"/>
                <a:gd name="connsiteX5" fmla="*/ 31483 w 170065"/>
                <a:gd name="connsiteY5" fmla="*/ 185141 h 185140"/>
                <a:gd name="connsiteX6" fmla="*/ 7404 w 170065"/>
                <a:gd name="connsiteY6" fmla="*/ 177724 h 185140"/>
                <a:gd name="connsiteX7" fmla="*/ 0 w 170065"/>
                <a:gd name="connsiteY7" fmla="*/ 153657 h 185140"/>
                <a:gd name="connsiteX8" fmla="*/ 0 w 170065"/>
                <a:gd name="connsiteY8" fmla="*/ 31471 h 185140"/>
                <a:gd name="connsiteX9" fmla="*/ 7404 w 170065"/>
                <a:gd name="connsiteY9" fmla="*/ 7404 h 185140"/>
                <a:gd name="connsiteX10" fmla="*/ 31483 w 170065"/>
                <a:gd name="connsiteY10" fmla="*/ 0 h 185140"/>
                <a:gd name="connsiteX11" fmla="*/ 156845 w 170065"/>
                <a:gd name="connsiteY11" fmla="*/ 0 h 185140"/>
                <a:gd name="connsiteX12" fmla="*/ 166230 w 170065"/>
                <a:gd name="connsiteY12" fmla="*/ 3302 h 185140"/>
                <a:gd name="connsiteX13" fmla="*/ 170066 w 170065"/>
                <a:gd name="connsiteY13" fmla="*/ 12167 h 185140"/>
                <a:gd name="connsiteX14" fmla="*/ 166230 w 170065"/>
                <a:gd name="connsiteY14" fmla="*/ 20765 h 185140"/>
                <a:gd name="connsiteX15" fmla="*/ 156845 w 170065"/>
                <a:gd name="connsiteY15" fmla="*/ 24067 h 185140"/>
                <a:gd name="connsiteX16" fmla="*/ 39141 w 170065"/>
                <a:gd name="connsiteY16" fmla="*/ 24067 h 185140"/>
                <a:gd name="connsiteX17" fmla="*/ 29235 w 170065"/>
                <a:gd name="connsiteY17" fmla="*/ 26441 h 185140"/>
                <a:gd name="connsiteX18" fmla="*/ 26975 w 170065"/>
                <a:gd name="connsiteY18" fmla="*/ 36500 h 185140"/>
                <a:gd name="connsiteX19" fmla="*/ 26975 w 170065"/>
                <a:gd name="connsiteY19" fmla="*/ 148908 h 185140"/>
                <a:gd name="connsiteX20" fmla="*/ 29235 w 170065"/>
                <a:gd name="connsiteY20" fmla="*/ 158814 h 185140"/>
                <a:gd name="connsiteX21" fmla="*/ 39141 w 170065"/>
                <a:gd name="connsiteY21" fmla="*/ 16106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70065" h="185140">
                  <a:moveTo>
                    <a:pt x="156845" y="161061"/>
                  </a:moveTo>
                  <a:cubicBezTo>
                    <a:pt x="160541" y="161061"/>
                    <a:pt x="163665" y="162166"/>
                    <a:pt x="166230" y="164376"/>
                  </a:cubicBezTo>
                  <a:cubicBezTo>
                    <a:pt x="168783" y="166586"/>
                    <a:pt x="170066" y="169532"/>
                    <a:pt x="170066" y="173228"/>
                  </a:cubicBezTo>
                  <a:cubicBezTo>
                    <a:pt x="170066" y="176759"/>
                    <a:pt x="168783" y="179629"/>
                    <a:pt x="166230" y="181826"/>
                  </a:cubicBezTo>
                  <a:cubicBezTo>
                    <a:pt x="163665" y="184036"/>
                    <a:pt x="160541" y="185141"/>
                    <a:pt x="156845" y="185141"/>
                  </a:cubicBezTo>
                  <a:lnTo>
                    <a:pt x="31483" y="185141"/>
                  </a:lnTo>
                  <a:cubicBezTo>
                    <a:pt x="20371" y="185141"/>
                    <a:pt x="12344" y="182664"/>
                    <a:pt x="7404" y="177724"/>
                  </a:cubicBezTo>
                  <a:cubicBezTo>
                    <a:pt x="2477" y="172796"/>
                    <a:pt x="0" y="164770"/>
                    <a:pt x="0" y="153657"/>
                  </a:cubicBezTo>
                  <a:lnTo>
                    <a:pt x="0" y="31471"/>
                  </a:lnTo>
                  <a:cubicBezTo>
                    <a:pt x="0" y="20371"/>
                    <a:pt x="2477" y="12344"/>
                    <a:pt x="7404" y="7404"/>
                  </a:cubicBezTo>
                  <a:cubicBezTo>
                    <a:pt x="12344" y="2476"/>
                    <a:pt x="20371" y="0"/>
                    <a:pt x="31483" y="0"/>
                  </a:cubicBezTo>
                  <a:lnTo>
                    <a:pt x="156845" y="0"/>
                  </a:lnTo>
                  <a:cubicBezTo>
                    <a:pt x="160541" y="0"/>
                    <a:pt x="163665" y="1105"/>
                    <a:pt x="166230" y="3302"/>
                  </a:cubicBezTo>
                  <a:cubicBezTo>
                    <a:pt x="168783" y="5512"/>
                    <a:pt x="170066" y="8458"/>
                    <a:pt x="170066" y="12167"/>
                  </a:cubicBezTo>
                  <a:cubicBezTo>
                    <a:pt x="170066" y="15697"/>
                    <a:pt x="168783" y="18555"/>
                    <a:pt x="166230" y="20765"/>
                  </a:cubicBezTo>
                  <a:cubicBezTo>
                    <a:pt x="163665" y="22974"/>
                    <a:pt x="160541" y="24067"/>
                    <a:pt x="156845" y="24067"/>
                  </a:cubicBezTo>
                  <a:lnTo>
                    <a:pt x="39141" y="24067"/>
                  </a:lnTo>
                  <a:cubicBezTo>
                    <a:pt x="34036" y="24067"/>
                    <a:pt x="30721" y="24854"/>
                    <a:pt x="29235" y="26441"/>
                  </a:cubicBezTo>
                  <a:cubicBezTo>
                    <a:pt x="27737" y="28029"/>
                    <a:pt x="26975" y="31382"/>
                    <a:pt x="26975" y="36500"/>
                  </a:cubicBezTo>
                  <a:lnTo>
                    <a:pt x="26975" y="148908"/>
                  </a:lnTo>
                  <a:cubicBezTo>
                    <a:pt x="26975" y="154013"/>
                    <a:pt x="27737" y="157328"/>
                    <a:pt x="29235" y="158814"/>
                  </a:cubicBezTo>
                  <a:cubicBezTo>
                    <a:pt x="30721" y="160312"/>
                    <a:pt x="34036" y="161061"/>
                    <a:pt x="39141" y="161061"/>
                  </a:cubicBezTo>
                  <a:close/>
                </a:path>
              </a:pathLst>
            </a:custGeom>
            <a:solidFill>
              <a:srgbClr val="FFFFFF"/>
            </a:solidFill>
            <a:ln w="12700" cap="flat">
              <a:noFill/>
              <a:prstDash val="solid"/>
              <a:miter/>
            </a:ln>
          </p:spPr>
          <p:txBody>
            <a:bodyPr rtlCol="0" anchor="ctr"/>
            <a:lstStyle/>
            <a:p>
              <a:endParaRPr lang="da-DK"/>
            </a:p>
          </p:txBody>
        </p:sp>
        <p:sp>
          <p:nvSpPr>
            <p:cNvPr id="55" name="Kombinationstegning: figur 24">
              <a:extLst>
                <a:ext uri="{FF2B5EF4-FFF2-40B4-BE49-F238E27FC236}">
                  <a16:creationId xmlns:a16="http://schemas.microsoft.com/office/drawing/2014/main" id="{7CC07896-F064-4C51-9670-A48A43B9B800}"/>
                </a:ext>
              </a:extLst>
            </p:cNvPr>
            <p:cNvSpPr/>
            <p:nvPr/>
          </p:nvSpPr>
          <p:spPr>
            <a:xfrm>
              <a:off x="101970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6" name="Kombinationstegning: figur 25">
              <a:extLst>
                <a:ext uri="{FF2B5EF4-FFF2-40B4-BE49-F238E27FC236}">
                  <a16:creationId xmlns:a16="http://schemas.microsoft.com/office/drawing/2014/main" id="{3E9DCFF6-42A2-4CB0-A70E-0D9E7570F672}"/>
                </a:ext>
              </a:extLst>
            </p:cNvPr>
            <p:cNvSpPr/>
            <p:nvPr/>
          </p:nvSpPr>
          <p:spPr>
            <a:xfrm>
              <a:off x="1202798" y="6392370"/>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57" name="Kombinationstegning: figur 26">
              <a:extLst>
                <a:ext uri="{FF2B5EF4-FFF2-40B4-BE49-F238E27FC236}">
                  <a16:creationId xmlns:a16="http://schemas.microsoft.com/office/drawing/2014/main" id="{66F8EB59-D474-4107-A9FF-4D0C188E1D80}"/>
                </a:ext>
              </a:extLst>
            </p:cNvPr>
            <p:cNvSpPr/>
            <p:nvPr/>
          </p:nvSpPr>
          <p:spPr>
            <a:xfrm>
              <a:off x="1374983" y="6395140"/>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58" name="Kombinationstegning: figur 27">
              <a:extLst>
                <a:ext uri="{FF2B5EF4-FFF2-40B4-BE49-F238E27FC236}">
                  <a16:creationId xmlns:a16="http://schemas.microsoft.com/office/drawing/2014/main" id="{7ABF108B-B3BA-45E4-9C2C-5A4C6CF7299C}"/>
                </a:ext>
              </a:extLst>
            </p:cNvPr>
            <p:cNvSpPr/>
            <p:nvPr/>
          </p:nvSpPr>
          <p:spPr>
            <a:xfrm>
              <a:off x="155062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9" name="Kombinationstegning: figur 28">
              <a:extLst>
                <a:ext uri="{FF2B5EF4-FFF2-40B4-BE49-F238E27FC236}">
                  <a16:creationId xmlns:a16="http://schemas.microsoft.com/office/drawing/2014/main" id="{677283A0-A857-4683-829A-5A4B42B3E907}"/>
                </a:ext>
              </a:extLst>
            </p:cNvPr>
            <p:cNvSpPr/>
            <p:nvPr/>
          </p:nvSpPr>
          <p:spPr>
            <a:xfrm>
              <a:off x="1737870" y="6394971"/>
              <a:ext cx="119627" cy="124127"/>
            </a:xfrm>
            <a:custGeom>
              <a:avLst/>
              <a:gdLst>
                <a:gd name="connsiteX0" fmla="*/ 141503 w 182648"/>
                <a:gd name="connsiteY0" fmla="*/ 81191 h 189519"/>
                <a:gd name="connsiteX1" fmla="*/ 151295 w 182648"/>
                <a:gd name="connsiteY1" fmla="*/ 78943 h 189519"/>
                <a:gd name="connsiteX2" fmla="*/ 153670 w 182648"/>
                <a:gd name="connsiteY2" fmla="*/ 69037 h 189519"/>
                <a:gd name="connsiteX3" fmla="*/ 153670 w 182648"/>
                <a:gd name="connsiteY3" fmla="*/ 37021 h 189519"/>
                <a:gd name="connsiteX4" fmla="*/ 151155 w 182648"/>
                <a:gd name="connsiteY4" fmla="*/ 26975 h 189519"/>
                <a:gd name="connsiteX5" fmla="*/ 141503 w 182648"/>
                <a:gd name="connsiteY5" fmla="*/ 24600 h 189519"/>
                <a:gd name="connsiteX6" fmla="*/ 29616 w 182648"/>
                <a:gd name="connsiteY6" fmla="*/ 24600 h 189519"/>
                <a:gd name="connsiteX7" fmla="*/ 26975 w 182648"/>
                <a:gd name="connsiteY7" fmla="*/ 25133 h 189519"/>
                <a:gd name="connsiteX8" fmla="*/ 26441 w 182648"/>
                <a:gd name="connsiteY8" fmla="*/ 27508 h 189519"/>
                <a:gd name="connsiteX9" fmla="*/ 26975 w 182648"/>
                <a:gd name="connsiteY9" fmla="*/ 78029 h 189519"/>
                <a:gd name="connsiteX10" fmla="*/ 27508 w 182648"/>
                <a:gd name="connsiteY10" fmla="*/ 80404 h 189519"/>
                <a:gd name="connsiteX11" fmla="*/ 30150 w 182648"/>
                <a:gd name="connsiteY11" fmla="*/ 80924 h 189519"/>
                <a:gd name="connsiteX12" fmla="*/ 99187 w 182648"/>
                <a:gd name="connsiteY12" fmla="*/ 105791 h 189519"/>
                <a:gd name="connsiteX13" fmla="*/ 30150 w 182648"/>
                <a:gd name="connsiteY13" fmla="*/ 105791 h 189519"/>
                <a:gd name="connsiteX14" fmla="*/ 27508 w 182648"/>
                <a:gd name="connsiteY14" fmla="*/ 106324 h 189519"/>
                <a:gd name="connsiteX15" fmla="*/ 26975 w 182648"/>
                <a:gd name="connsiteY15" fmla="*/ 108979 h 189519"/>
                <a:gd name="connsiteX16" fmla="*/ 26441 w 182648"/>
                <a:gd name="connsiteY16" fmla="*/ 175882 h 189519"/>
                <a:gd name="connsiteX17" fmla="*/ 22619 w 182648"/>
                <a:gd name="connsiteY17" fmla="*/ 185141 h 189519"/>
                <a:gd name="connsiteX18" fmla="*/ 13221 w 182648"/>
                <a:gd name="connsiteY18" fmla="*/ 189103 h 189519"/>
                <a:gd name="connsiteX19" fmla="*/ 3835 w 182648"/>
                <a:gd name="connsiteY19" fmla="*/ 185141 h 189519"/>
                <a:gd name="connsiteX20" fmla="*/ 0 w 182648"/>
                <a:gd name="connsiteY20" fmla="*/ 175882 h 189519"/>
                <a:gd name="connsiteX21" fmla="*/ 0 w 182648"/>
                <a:gd name="connsiteY21" fmla="*/ 4229 h 189519"/>
                <a:gd name="connsiteX22" fmla="*/ 4229 w 182648"/>
                <a:gd name="connsiteY22" fmla="*/ 0 h 189519"/>
                <a:gd name="connsiteX23" fmla="*/ 148374 w 182648"/>
                <a:gd name="connsiteY23" fmla="*/ 0 h 189519"/>
                <a:gd name="connsiteX24" fmla="*/ 172847 w 182648"/>
                <a:gd name="connsiteY24" fmla="*/ 7544 h 189519"/>
                <a:gd name="connsiteX25" fmla="*/ 180378 w 182648"/>
                <a:gd name="connsiteY25" fmla="*/ 32004 h 189519"/>
                <a:gd name="connsiteX26" fmla="*/ 180378 w 182648"/>
                <a:gd name="connsiteY26" fmla="*/ 74054 h 189519"/>
                <a:gd name="connsiteX27" fmla="*/ 172847 w 182648"/>
                <a:gd name="connsiteY27" fmla="*/ 98260 h 189519"/>
                <a:gd name="connsiteX28" fmla="*/ 148374 w 182648"/>
                <a:gd name="connsiteY28" fmla="*/ 105791 h 189519"/>
                <a:gd name="connsiteX29" fmla="*/ 137262 w 182648"/>
                <a:gd name="connsiteY29" fmla="*/ 105791 h 189519"/>
                <a:gd name="connsiteX30" fmla="*/ 135420 w 182648"/>
                <a:gd name="connsiteY30" fmla="*/ 107645 h 189519"/>
                <a:gd name="connsiteX31" fmla="*/ 136474 w 182648"/>
                <a:gd name="connsiteY31" fmla="*/ 109233 h 189519"/>
                <a:gd name="connsiteX32" fmla="*/ 179857 w 182648"/>
                <a:gd name="connsiteY32" fmla="*/ 168212 h 189519"/>
                <a:gd name="connsiteX33" fmla="*/ 182499 w 182648"/>
                <a:gd name="connsiteY33" fmla="*/ 177991 h 189519"/>
                <a:gd name="connsiteX34" fmla="*/ 177203 w 182648"/>
                <a:gd name="connsiteY34" fmla="*/ 186728 h 189519"/>
                <a:gd name="connsiteX35" fmla="*/ 167284 w 182648"/>
                <a:gd name="connsiteY35" fmla="*/ 189370 h 189519"/>
                <a:gd name="connsiteX36" fmla="*/ 158699 w 182648"/>
                <a:gd name="connsiteY36" fmla="*/ 184087 h 189519"/>
                <a:gd name="connsiteX37" fmla="*/ 102362 w 182648"/>
                <a:gd name="connsiteY37" fmla="*/ 107912 h 189519"/>
                <a:gd name="connsiteX38" fmla="*/ 99187 w 182648"/>
                <a:gd name="connsiteY38" fmla="*/ 105791 h 1895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82648" h="189519">
                  <a:moveTo>
                    <a:pt x="141503" y="81191"/>
                  </a:moveTo>
                  <a:cubicBezTo>
                    <a:pt x="146444" y="81191"/>
                    <a:pt x="149708" y="80442"/>
                    <a:pt x="151295" y="78943"/>
                  </a:cubicBezTo>
                  <a:cubicBezTo>
                    <a:pt x="152883" y="77457"/>
                    <a:pt x="153670" y="74143"/>
                    <a:pt x="153670" y="69037"/>
                  </a:cubicBezTo>
                  <a:lnTo>
                    <a:pt x="153670" y="37021"/>
                  </a:lnTo>
                  <a:cubicBezTo>
                    <a:pt x="153670" y="31915"/>
                    <a:pt x="152832" y="28562"/>
                    <a:pt x="151155" y="26975"/>
                  </a:cubicBezTo>
                  <a:cubicBezTo>
                    <a:pt x="149479" y="25387"/>
                    <a:pt x="146266" y="24600"/>
                    <a:pt x="141503" y="24600"/>
                  </a:cubicBezTo>
                  <a:lnTo>
                    <a:pt x="29616" y="24600"/>
                  </a:lnTo>
                  <a:cubicBezTo>
                    <a:pt x="28207" y="24600"/>
                    <a:pt x="27330" y="24778"/>
                    <a:pt x="26975" y="25133"/>
                  </a:cubicBezTo>
                  <a:cubicBezTo>
                    <a:pt x="26619" y="25476"/>
                    <a:pt x="26441" y="26276"/>
                    <a:pt x="26441" y="27508"/>
                  </a:cubicBezTo>
                  <a:cubicBezTo>
                    <a:pt x="26810" y="61354"/>
                    <a:pt x="26975" y="78207"/>
                    <a:pt x="26975" y="78029"/>
                  </a:cubicBezTo>
                  <a:cubicBezTo>
                    <a:pt x="26975" y="79261"/>
                    <a:pt x="27153" y="80048"/>
                    <a:pt x="27508" y="80404"/>
                  </a:cubicBezTo>
                  <a:cubicBezTo>
                    <a:pt x="27864" y="80759"/>
                    <a:pt x="28740" y="80924"/>
                    <a:pt x="30150" y="80924"/>
                  </a:cubicBezTo>
                  <a:close/>
                  <a:moveTo>
                    <a:pt x="99187" y="105791"/>
                  </a:moveTo>
                  <a:lnTo>
                    <a:pt x="30150" y="105791"/>
                  </a:lnTo>
                  <a:cubicBezTo>
                    <a:pt x="28740" y="105791"/>
                    <a:pt x="27864" y="105969"/>
                    <a:pt x="27508" y="106324"/>
                  </a:cubicBezTo>
                  <a:cubicBezTo>
                    <a:pt x="27153" y="106680"/>
                    <a:pt x="26975" y="107556"/>
                    <a:pt x="26975" y="108979"/>
                  </a:cubicBezTo>
                  <a:lnTo>
                    <a:pt x="26441" y="175882"/>
                  </a:lnTo>
                  <a:cubicBezTo>
                    <a:pt x="26441" y="179400"/>
                    <a:pt x="25171" y="182499"/>
                    <a:pt x="22619" y="185141"/>
                  </a:cubicBezTo>
                  <a:cubicBezTo>
                    <a:pt x="20053" y="187782"/>
                    <a:pt x="16929" y="189103"/>
                    <a:pt x="13221" y="189103"/>
                  </a:cubicBezTo>
                  <a:cubicBezTo>
                    <a:pt x="9525" y="189103"/>
                    <a:pt x="6388" y="187782"/>
                    <a:pt x="3835" y="185141"/>
                  </a:cubicBezTo>
                  <a:cubicBezTo>
                    <a:pt x="1283" y="182499"/>
                    <a:pt x="0" y="179400"/>
                    <a:pt x="0" y="175882"/>
                  </a:cubicBezTo>
                  <a:lnTo>
                    <a:pt x="0" y="4229"/>
                  </a:lnTo>
                  <a:cubicBezTo>
                    <a:pt x="0" y="1422"/>
                    <a:pt x="1422" y="0"/>
                    <a:pt x="4229" y="0"/>
                  </a:cubicBezTo>
                  <a:lnTo>
                    <a:pt x="148374" y="0"/>
                  </a:lnTo>
                  <a:cubicBezTo>
                    <a:pt x="159664" y="0"/>
                    <a:pt x="167805" y="2515"/>
                    <a:pt x="172847" y="7544"/>
                  </a:cubicBezTo>
                  <a:cubicBezTo>
                    <a:pt x="177864" y="12573"/>
                    <a:pt x="180378" y="20714"/>
                    <a:pt x="180378" y="32004"/>
                  </a:cubicBezTo>
                  <a:lnTo>
                    <a:pt x="180378" y="74054"/>
                  </a:lnTo>
                  <a:cubicBezTo>
                    <a:pt x="180378" y="85154"/>
                    <a:pt x="177864" y="93231"/>
                    <a:pt x="172847" y="98260"/>
                  </a:cubicBezTo>
                  <a:cubicBezTo>
                    <a:pt x="167805" y="103276"/>
                    <a:pt x="159664" y="105791"/>
                    <a:pt x="148374" y="105791"/>
                  </a:cubicBezTo>
                  <a:lnTo>
                    <a:pt x="137262" y="105791"/>
                  </a:lnTo>
                  <a:cubicBezTo>
                    <a:pt x="135687" y="105791"/>
                    <a:pt x="135065" y="106413"/>
                    <a:pt x="135420" y="107645"/>
                  </a:cubicBezTo>
                  <a:cubicBezTo>
                    <a:pt x="135585" y="108179"/>
                    <a:pt x="135954" y="108699"/>
                    <a:pt x="136474" y="109233"/>
                  </a:cubicBezTo>
                  <a:lnTo>
                    <a:pt x="179857" y="168212"/>
                  </a:lnTo>
                  <a:cubicBezTo>
                    <a:pt x="182131" y="171209"/>
                    <a:pt x="183032" y="174473"/>
                    <a:pt x="182499" y="177991"/>
                  </a:cubicBezTo>
                  <a:cubicBezTo>
                    <a:pt x="181966" y="181521"/>
                    <a:pt x="180200" y="184429"/>
                    <a:pt x="177203" y="186728"/>
                  </a:cubicBezTo>
                  <a:cubicBezTo>
                    <a:pt x="174206" y="189014"/>
                    <a:pt x="170891" y="189903"/>
                    <a:pt x="167284" y="189370"/>
                  </a:cubicBezTo>
                  <a:cubicBezTo>
                    <a:pt x="163665" y="188849"/>
                    <a:pt x="160807" y="187071"/>
                    <a:pt x="158699" y="184087"/>
                  </a:cubicBezTo>
                  <a:cubicBezTo>
                    <a:pt x="121310" y="133477"/>
                    <a:pt x="102540" y="108090"/>
                    <a:pt x="102362" y="107912"/>
                  </a:cubicBezTo>
                  <a:cubicBezTo>
                    <a:pt x="101473" y="106502"/>
                    <a:pt x="100419" y="105791"/>
                    <a:pt x="99187" y="105791"/>
                  </a:cubicBezTo>
                </a:path>
              </a:pathLst>
            </a:custGeom>
            <a:solidFill>
              <a:srgbClr val="FFFFFF"/>
            </a:solidFill>
            <a:ln w="12700" cap="flat">
              <a:noFill/>
              <a:prstDash val="solid"/>
              <a:miter/>
            </a:ln>
          </p:spPr>
          <p:txBody>
            <a:bodyPr rtlCol="0" anchor="ctr"/>
            <a:lstStyle/>
            <a:p>
              <a:endParaRPr lang="da-DK"/>
            </a:p>
          </p:txBody>
        </p:sp>
        <p:sp>
          <p:nvSpPr>
            <p:cNvPr id="60" name="Kombinationstegning: figur 29">
              <a:extLst>
                <a:ext uri="{FF2B5EF4-FFF2-40B4-BE49-F238E27FC236}">
                  <a16:creationId xmlns:a16="http://schemas.microsoft.com/office/drawing/2014/main" id="{1534AFA6-8EE0-4417-9A19-C1EC1D9DEC9C}"/>
                </a:ext>
              </a:extLst>
            </p:cNvPr>
            <p:cNvSpPr/>
            <p:nvPr/>
          </p:nvSpPr>
          <p:spPr>
            <a:xfrm>
              <a:off x="721296" y="6617317"/>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61" name="Kombinationstegning: figur 30">
              <a:extLst>
                <a:ext uri="{FF2B5EF4-FFF2-40B4-BE49-F238E27FC236}">
                  <a16:creationId xmlns:a16="http://schemas.microsoft.com/office/drawing/2014/main" id="{2654C4DD-5658-47E9-A653-6B23D05A1D88}"/>
                </a:ext>
              </a:extLst>
            </p:cNvPr>
            <p:cNvSpPr/>
            <p:nvPr/>
          </p:nvSpPr>
          <p:spPr>
            <a:xfrm>
              <a:off x="889975" y="6614547"/>
              <a:ext cx="39191" cy="150156"/>
            </a:xfrm>
            <a:custGeom>
              <a:avLst/>
              <a:gdLst>
                <a:gd name="connsiteX0" fmla="*/ 33396 w 59837"/>
                <a:gd name="connsiteY0" fmla="*/ 13221 h 229260"/>
                <a:gd name="connsiteX1" fmla="*/ 37231 w 59837"/>
                <a:gd name="connsiteY1" fmla="*/ 3835 h 229260"/>
                <a:gd name="connsiteX2" fmla="*/ 46617 w 59837"/>
                <a:gd name="connsiteY2" fmla="*/ 0 h 229260"/>
                <a:gd name="connsiteX3" fmla="*/ 55875 w 59837"/>
                <a:gd name="connsiteY3" fmla="*/ 3835 h 229260"/>
                <a:gd name="connsiteX4" fmla="*/ 59837 w 59837"/>
                <a:gd name="connsiteY4" fmla="*/ 13221 h 229260"/>
                <a:gd name="connsiteX5" fmla="*/ 59837 w 59837"/>
                <a:gd name="connsiteY5" fmla="*/ 163436 h 229260"/>
                <a:gd name="connsiteX6" fmla="*/ 56535 w 59837"/>
                <a:gd name="connsiteY6" fmla="*/ 179311 h 229260"/>
                <a:gd name="connsiteX7" fmla="*/ 47671 w 59837"/>
                <a:gd name="connsiteY7" fmla="*/ 194120 h 229260"/>
                <a:gd name="connsiteX8" fmla="*/ 47950 w 59837"/>
                <a:gd name="connsiteY8" fmla="*/ 193866 h 229260"/>
                <a:gd name="connsiteX9" fmla="*/ 23871 w 59837"/>
                <a:gd name="connsiteY9" fmla="*/ 224015 h 229260"/>
                <a:gd name="connsiteX10" fmla="*/ 14879 w 59837"/>
                <a:gd name="connsiteY10" fmla="*/ 229159 h 229260"/>
                <a:gd name="connsiteX11" fmla="*/ 5088 w 59837"/>
                <a:gd name="connsiteY11" fmla="*/ 226124 h 229260"/>
                <a:gd name="connsiteX12" fmla="*/ 71 w 59837"/>
                <a:gd name="connsiteY12" fmla="*/ 217259 h 229260"/>
                <a:gd name="connsiteX13" fmla="*/ 2967 w 59837"/>
                <a:gd name="connsiteY13" fmla="*/ 207607 h 229260"/>
                <a:gd name="connsiteX14" fmla="*/ 27313 w 59837"/>
                <a:gd name="connsiteY14" fmla="*/ 177190 h 229260"/>
                <a:gd name="connsiteX15" fmla="*/ 27579 w 59837"/>
                <a:gd name="connsiteY15" fmla="*/ 176936 h 229260"/>
                <a:gd name="connsiteX16" fmla="*/ 31936 w 59837"/>
                <a:gd name="connsiteY16" fmla="*/ 169647 h 229260"/>
                <a:gd name="connsiteX17" fmla="*/ 33396 w 59837"/>
                <a:gd name="connsiteY17" fmla="*/ 163436 h 229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9837" h="229260">
                  <a:moveTo>
                    <a:pt x="33396" y="13221"/>
                  </a:moveTo>
                  <a:cubicBezTo>
                    <a:pt x="33396" y="9512"/>
                    <a:pt x="34679" y="6388"/>
                    <a:pt x="37231" y="3835"/>
                  </a:cubicBezTo>
                  <a:cubicBezTo>
                    <a:pt x="39784" y="1283"/>
                    <a:pt x="42908" y="0"/>
                    <a:pt x="46617" y="0"/>
                  </a:cubicBezTo>
                  <a:cubicBezTo>
                    <a:pt x="50135" y="0"/>
                    <a:pt x="53233" y="1283"/>
                    <a:pt x="55875" y="3835"/>
                  </a:cubicBezTo>
                  <a:cubicBezTo>
                    <a:pt x="58529" y="6388"/>
                    <a:pt x="59837" y="9512"/>
                    <a:pt x="59837" y="13221"/>
                  </a:cubicBezTo>
                  <a:lnTo>
                    <a:pt x="59837" y="163436"/>
                  </a:lnTo>
                  <a:cubicBezTo>
                    <a:pt x="59837" y="168554"/>
                    <a:pt x="58733" y="173838"/>
                    <a:pt x="56535" y="179311"/>
                  </a:cubicBezTo>
                  <a:cubicBezTo>
                    <a:pt x="54326" y="184772"/>
                    <a:pt x="51379" y="189700"/>
                    <a:pt x="47671" y="194120"/>
                  </a:cubicBezTo>
                  <a:lnTo>
                    <a:pt x="47950" y="193866"/>
                  </a:lnTo>
                  <a:lnTo>
                    <a:pt x="23871" y="224015"/>
                  </a:lnTo>
                  <a:cubicBezTo>
                    <a:pt x="21407" y="227000"/>
                    <a:pt x="18397" y="228727"/>
                    <a:pt x="14879" y="229159"/>
                  </a:cubicBezTo>
                  <a:cubicBezTo>
                    <a:pt x="11349" y="229603"/>
                    <a:pt x="8098" y="228587"/>
                    <a:pt x="5088" y="226124"/>
                  </a:cubicBezTo>
                  <a:cubicBezTo>
                    <a:pt x="2091" y="223825"/>
                    <a:pt x="414" y="220878"/>
                    <a:pt x="71" y="217259"/>
                  </a:cubicBezTo>
                  <a:cubicBezTo>
                    <a:pt x="-284" y="213639"/>
                    <a:pt x="694" y="210426"/>
                    <a:pt x="2967" y="207607"/>
                  </a:cubicBezTo>
                  <a:lnTo>
                    <a:pt x="27313" y="177190"/>
                  </a:lnTo>
                  <a:lnTo>
                    <a:pt x="27579" y="176936"/>
                  </a:lnTo>
                  <a:cubicBezTo>
                    <a:pt x="29510" y="174638"/>
                    <a:pt x="30970" y="172225"/>
                    <a:pt x="31936" y="169647"/>
                  </a:cubicBezTo>
                  <a:cubicBezTo>
                    <a:pt x="32901" y="167094"/>
                    <a:pt x="33396" y="165024"/>
                    <a:pt x="33396" y="163436"/>
                  </a:cubicBezTo>
                  <a:close/>
                </a:path>
              </a:pathLst>
            </a:custGeom>
            <a:solidFill>
              <a:srgbClr val="FFFFFF"/>
            </a:solidFill>
            <a:ln w="12700" cap="flat">
              <a:noFill/>
              <a:prstDash val="solid"/>
              <a:miter/>
            </a:ln>
          </p:spPr>
          <p:txBody>
            <a:bodyPr rtlCol="0" anchor="ctr"/>
            <a:lstStyle/>
            <a:p>
              <a:endParaRPr lang="da-DK"/>
            </a:p>
          </p:txBody>
        </p:sp>
        <p:sp>
          <p:nvSpPr>
            <p:cNvPr id="62" name="Kombinationstegning: figur 31">
              <a:extLst>
                <a:ext uri="{FF2B5EF4-FFF2-40B4-BE49-F238E27FC236}">
                  <a16:creationId xmlns:a16="http://schemas.microsoft.com/office/drawing/2014/main" id="{814B059C-65C4-4EE3-AFFB-1B43EB962D3E}"/>
                </a:ext>
              </a:extLst>
            </p:cNvPr>
            <p:cNvSpPr/>
            <p:nvPr/>
          </p:nvSpPr>
          <p:spPr>
            <a:xfrm>
              <a:off x="975966" y="6617314"/>
              <a:ext cx="176132" cy="123992"/>
            </a:xfrm>
            <a:custGeom>
              <a:avLst/>
              <a:gdLst>
                <a:gd name="connsiteX0" fmla="*/ 123722 w 268921"/>
                <a:gd name="connsiteY0" fmla="*/ 103937 h 189313"/>
                <a:gd name="connsiteX1" fmla="*/ 126631 w 268921"/>
                <a:gd name="connsiteY1" fmla="*/ 101029 h 189313"/>
                <a:gd name="connsiteX2" fmla="*/ 126897 w 268921"/>
                <a:gd name="connsiteY2" fmla="*/ 28308 h 189313"/>
                <a:gd name="connsiteX3" fmla="*/ 125170 w 268921"/>
                <a:gd name="connsiteY3" fmla="*/ 24740 h 189313"/>
                <a:gd name="connsiteX4" fmla="*/ 121081 w 268921"/>
                <a:gd name="connsiteY4" fmla="*/ 28308 h 189313"/>
                <a:gd name="connsiteX5" fmla="*/ 75589 w 268921"/>
                <a:gd name="connsiteY5" fmla="*/ 101029 h 189313"/>
                <a:gd name="connsiteX6" fmla="*/ 74789 w 268921"/>
                <a:gd name="connsiteY6" fmla="*/ 102616 h 189313"/>
                <a:gd name="connsiteX7" fmla="*/ 76910 w 268921"/>
                <a:gd name="connsiteY7" fmla="*/ 103937 h 189313"/>
                <a:gd name="connsiteX8" fmla="*/ 256234 w 268921"/>
                <a:gd name="connsiteY8" fmla="*/ 160007 h 189313"/>
                <a:gd name="connsiteX9" fmla="*/ 265226 w 268921"/>
                <a:gd name="connsiteY9" fmla="*/ 163716 h 189313"/>
                <a:gd name="connsiteX10" fmla="*/ 268921 w 268921"/>
                <a:gd name="connsiteY10" fmla="*/ 172707 h 189313"/>
                <a:gd name="connsiteX11" fmla="*/ 265226 w 268921"/>
                <a:gd name="connsiteY11" fmla="*/ 181559 h 189313"/>
                <a:gd name="connsiteX12" fmla="*/ 256234 w 268921"/>
                <a:gd name="connsiteY12" fmla="*/ 185141 h 189313"/>
                <a:gd name="connsiteX13" fmla="*/ 131126 w 268921"/>
                <a:gd name="connsiteY13" fmla="*/ 185141 h 189313"/>
                <a:gd name="connsiteX14" fmla="*/ 126897 w 268921"/>
                <a:gd name="connsiteY14" fmla="*/ 181166 h 189313"/>
                <a:gd name="connsiteX15" fmla="*/ 126631 w 268921"/>
                <a:gd name="connsiteY15" fmla="*/ 130912 h 189313"/>
                <a:gd name="connsiteX16" fmla="*/ 123722 w 268921"/>
                <a:gd name="connsiteY16" fmla="*/ 128016 h 189313"/>
                <a:gd name="connsiteX17" fmla="*/ 62102 w 268921"/>
                <a:gd name="connsiteY17" fmla="*/ 128016 h 189313"/>
                <a:gd name="connsiteX18" fmla="*/ 57073 w 268921"/>
                <a:gd name="connsiteY18" fmla="*/ 130391 h 189313"/>
                <a:gd name="connsiteX19" fmla="*/ 24535 w 268921"/>
                <a:gd name="connsiteY19" fmla="*/ 183020 h 189313"/>
                <a:gd name="connsiteX20" fmla="*/ 16217 w 268921"/>
                <a:gd name="connsiteY20" fmla="*/ 188963 h 189313"/>
                <a:gd name="connsiteX21" fmla="*/ 6298 w 268921"/>
                <a:gd name="connsiteY21" fmla="*/ 187262 h 189313"/>
                <a:gd name="connsiteX22" fmla="*/ 342 w 268921"/>
                <a:gd name="connsiteY22" fmla="*/ 179057 h 189313"/>
                <a:gd name="connsiteX23" fmla="*/ 2069 w 268921"/>
                <a:gd name="connsiteY23" fmla="*/ 168999 h 189313"/>
                <a:gd name="connsiteX24" fmla="*/ 96481 w 268921"/>
                <a:gd name="connsiteY24" fmla="*/ 16929 h 189313"/>
                <a:gd name="connsiteX25" fmla="*/ 109308 w 268921"/>
                <a:gd name="connsiteY25" fmla="*/ 3581 h 189313"/>
                <a:gd name="connsiteX26" fmla="*/ 126897 w 268921"/>
                <a:gd name="connsiteY26" fmla="*/ 0 h 189313"/>
                <a:gd name="connsiteX27" fmla="*/ 256234 w 268921"/>
                <a:gd name="connsiteY27" fmla="*/ 0 h 189313"/>
                <a:gd name="connsiteX28" fmla="*/ 265086 w 268921"/>
                <a:gd name="connsiteY28" fmla="*/ 3581 h 189313"/>
                <a:gd name="connsiteX29" fmla="*/ 268655 w 268921"/>
                <a:gd name="connsiteY29" fmla="*/ 12433 h 189313"/>
                <a:gd name="connsiteX30" fmla="*/ 265086 w 268921"/>
                <a:gd name="connsiteY30" fmla="*/ 21158 h 189313"/>
                <a:gd name="connsiteX31" fmla="*/ 256234 w 268921"/>
                <a:gd name="connsiteY31" fmla="*/ 24600 h 189313"/>
                <a:gd name="connsiteX32" fmla="*/ 156514 w 268921"/>
                <a:gd name="connsiteY32" fmla="*/ 24600 h 189313"/>
                <a:gd name="connsiteX33" fmla="*/ 153618 w 268921"/>
                <a:gd name="connsiteY33" fmla="*/ 27508 h 189313"/>
                <a:gd name="connsiteX34" fmla="*/ 153618 w 268921"/>
                <a:gd name="connsiteY34" fmla="*/ 76962 h 189313"/>
                <a:gd name="connsiteX35" fmla="*/ 156514 w 268921"/>
                <a:gd name="connsiteY35" fmla="*/ 79870 h 189313"/>
                <a:gd name="connsiteX36" fmla="*/ 249617 w 268921"/>
                <a:gd name="connsiteY36" fmla="*/ 79870 h 189313"/>
                <a:gd name="connsiteX37" fmla="*/ 258215 w 268921"/>
                <a:gd name="connsiteY37" fmla="*/ 83452 h 189313"/>
                <a:gd name="connsiteX38" fmla="*/ 261784 w 268921"/>
                <a:gd name="connsiteY38" fmla="*/ 92037 h 189313"/>
                <a:gd name="connsiteX39" fmla="*/ 258215 w 268921"/>
                <a:gd name="connsiteY39" fmla="*/ 100495 h 189313"/>
                <a:gd name="connsiteX40" fmla="*/ 249617 w 268921"/>
                <a:gd name="connsiteY40" fmla="*/ 103937 h 189313"/>
                <a:gd name="connsiteX41" fmla="*/ 156514 w 268921"/>
                <a:gd name="connsiteY41" fmla="*/ 103937 h 189313"/>
                <a:gd name="connsiteX42" fmla="*/ 153618 w 268921"/>
                <a:gd name="connsiteY42" fmla="*/ 106845 h 189313"/>
                <a:gd name="connsiteX43" fmla="*/ 153618 w 268921"/>
                <a:gd name="connsiteY43" fmla="*/ 156832 h 189313"/>
                <a:gd name="connsiteX44" fmla="*/ 156514 w 268921"/>
                <a:gd name="connsiteY44" fmla="*/ 160007 h 189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68921" h="189313">
                  <a:moveTo>
                    <a:pt x="123722" y="103937"/>
                  </a:moveTo>
                  <a:cubicBezTo>
                    <a:pt x="125653" y="103937"/>
                    <a:pt x="126631" y="102972"/>
                    <a:pt x="126631" y="101029"/>
                  </a:cubicBezTo>
                  <a:lnTo>
                    <a:pt x="126897" y="28308"/>
                  </a:lnTo>
                  <a:cubicBezTo>
                    <a:pt x="126897" y="26187"/>
                    <a:pt x="126326" y="24994"/>
                    <a:pt x="125170" y="24740"/>
                  </a:cubicBezTo>
                  <a:cubicBezTo>
                    <a:pt x="124027" y="24460"/>
                    <a:pt x="122668" y="25654"/>
                    <a:pt x="121081" y="28308"/>
                  </a:cubicBezTo>
                  <a:lnTo>
                    <a:pt x="75589" y="101029"/>
                  </a:lnTo>
                  <a:cubicBezTo>
                    <a:pt x="75234" y="101562"/>
                    <a:pt x="74967" y="102083"/>
                    <a:pt x="74789" y="102616"/>
                  </a:cubicBezTo>
                  <a:cubicBezTo>
                    <a:pt x="74434" y="103505"/>
                    <a:pt x="75145" y="103937"/>
                    <a:pt x="76910" y="103937"/>
                  </a:cubicBezTo>
                  <a:close/>
                  <a:moveTo>
                    <a:pt x="256234" y="160007"/>
                  </a:moveTo>
                  <a:cubicBezTo>
                    <a:pt x="259752" y="160007"/>
                    <a:pt x="262749" y="161252"/>
                    <a:pt x="265226" y="163716"/>
                  </a:cubicBezTo>
                  <a:cubicBezTo>
                    <a:pt x="267690" y="166180"/>
                    <a:pt x="268921" y="169189"/>
                    <a:pt x="268921" y="172707"/>
                  </a:cubicBezTo>
                  <a:cubicBezTo>
                    <a:pt x="268921" y="176225"/>
                    <a:pt x="267690" y="179184"/>
                    <a:pt x="265226" y="181559"/>
                  </a:cubicBezTo>
                  <a:cubicBezTo>
                    <a:pt x="262749" y="183947"/>
                    <a:pt x="259752" y="185141"/>
                    <a:pt x="256234" y="185141"/>
                  </a:cubicBezTo>
                  <a:lnTo>
                    <a:pt x="131126" y="185141"/>
                  </a:lnTo>
                  <a:cubicBezTo>
                    <a:pt x="128307" y="185141"/>
                    <a:pt x="126897" y="183807"/>
                    <a:pt x="126897" y="181166"/>
                  </a:cubicBezTo>
                  <a:lnTo>
                    <a:pt x="126631" y="130912"/>
                  </a:lnTo>
                  <a:cubicBezTo>
                    <a:pt x="126631" y="128981"/>
                    <a:pt x="125653" y="128016"/>
                    <a:pt x="123722" y="128016"/>
                  </a:cubicBezTo>
                  <a:lnTo>
                    <a:pt x="62102" y="128016"/>
                  </a:lnTo>
                  <a:cubicBezTo>
                    <a:pt x="59981" y="128016"/>
                    <a:pt x="58317" y="128803"/>
                    <a:pt x="57073" y="130391"/>
                  </a:cubicBezTo>
                  <a:lnTo>
                    <a:pt x="24535" y="183020"/>
                  </a:lnTo>
                  <a:cubicBezTo>
                    <a:pt x="22605" y="186195"/>
                    <a:pt x="19824" y="188176"/>
                    <a:pt x="16217" y="188963"/>
                  </a:cubicBezTo>
                  <a:cubicBezTo>
                    <a:pt x="12597" y="189763"/>
                    <a:pt x="9295" y="189192"/>
                    <a:pt x="6298" y="187262"/>
                  </a:cubicBezTo>
                  <a:cubicBezTo>
                    <a:pt x="3123" y="185306"/>
                    <a:pt x="1142" y="182575"/>
                    <a:pt x="342" y="179057"/>
                  </a:cubicBezTo>
                  <a:cubicBezTo>
                    <a:pt x="-446" y="175527"/>
                    <a:pt x="126" y="172174"/>
                    <a:pt x="2069" y="168999"/>
                  </a:cubicBezTo>
                  <a:lnTo>
                    <a:pt x="96481" y="16929"/>
                  </a:lnTo>
                  <a:cubicBezTo>
                    <a:pt x="100545" y="10223"/>
                    <a:pt x="104812" y="5778"/>
                    <a:pt x="109308" y="3581"/>
                  </a:cubicBezTo>
                  <a:cubicBezTo>
                    <a:pt x="113816" y="1372"/>
                    <a:pt x="119671" y="178"/>
                    <a:pt x="126897" y="0"/>
                  </a:cubicBezTo>
                  <a:lnTo>
                    <a:pt x="256234" y="0"/>
                  </a:lnTo>
                  <a:cubicBezTo>
                    <a:pt x="259752" y="0"/>
                    <a:pt x="262698" y="1194"/>
                    <a:pt x="265086" y="3581"/>
                  </a:cubicBezTo>
                  <a:cubicBezTo>
                    <a:pt x="267461" y="5956"/>
                    <a:pt x="268655" y="8915"/>
                    <a:pt x="268655" y="12433"/>
                  </a:cubicBezTo>
                  <a:cubicBezTo>
                    <a:pt x="268655" y="15964"/>
                    <a:pt x="267461" y="18872"/>
                    <a:pt x="265086" y="21158"/>
                  </a:cubicBezTo>
                  <a:cubicBezTo>
                    <a:pt x="262698" y="23457"/>
                    <a:pt x="259752" y="24600"/>
                    <a:pt x="256234" y="24600"/>
                  </a:cubicBezTo>
                  <a:lnTo>
                    <a:pt x="156514" y="24600"/>
                  </a:lnTo>
                  <a:cubicBezTo>
                    <a:pt x="154583" y="24600"/>
                    <a:pt x="153618" y="25565"/>
                    <a:pt x="153618" y="27508"/>
                  </a:cubicBezTo>
                  <a:lnTo>
                    <a:pt x="153618" y="76962"/>
                  </a:lnTo>
                  <a:cubicBezTo>
                    <a:pt x="153618" y="78905"/>
                    <a:pt x="154583" y="79870"/>
                    <a:pt x="156514" y="79870"/>
                  </a:cubicBezTo>
                  <a:lnTo>
                    <a:pt x="249617" y="79870"/>
                  </a:lnTo>
                  <a:cubicBezTo>
                    <a:pt x="252970" y="79870"/>
                    <a:pt x="255828" y="81064"/>
                    <a:pt x="258215" y="83452"/>
                  </a:cubicBezTo>
                  <a:cubicBezTo>
                    <a:pt x="260590" y="85827"/>
                    <a:pt x="261784" y="88697"/>
                    <a:pt x="261784" y="92037"/>
                  </a:cubicBezTo>
                  <a:cubicBezTo>
                    <a:pt x="261784" y="95390"/>
                    <a:pt x="260590" y="98222"/>
                    <a:pt x="258215" y="100495"/>
                  </a:cubicBezTo>
                  <a:cubicBezTo>
                    <a:pt x="255828" y="102794"/>
                    <a:pt x="252970" y="103937"/>
                    <a:pt x="249617" y="103937"/>
                  </a:cubicBezTo>
                  <a:lnTo>
                    <a:pt x="156514" y="103937"/>
                  </a:lnTo>
                  <a:cubicBezTo>
                    <a:pt x="154583" y="103937"/>
                    <a:pt x="153618" y="104915"/>
                    <a:pt x="153618" y="106845"/>
                  </a:cubicBezTo>
                  <a:lnTo>
                    <a:pt x="153618" y="156832"/>
                  </a:lnTo>
                  <a:cubicBezTo>
                    <a:pt x="153618" y="158953"/>
                    <a:pt x="154583" y="160007"/>
                    <a:pt x="156514" y="160007"/>
                  </a:cubicBezTo>
                  <a:close/>
                </a:path>
              </a:pathLst>
            </a:custGeom>
            <a:solidFill>
              <a:srgbClr val="FFFFFF"/>
            </a:solidFill>
            <a:ln w="12700" cap="flat">
              <a:noFill/>
              <a:prstDash val="solid"/>
              <a:miter/>
            </a:ln>
          </p:spPr>
          <p:txBody>
            <a:bodyPr rtlCol="0" anchor="ctr"/>
            <a:lstStyle/>
            <a:p>
              <a:endParaRPr lang="da-DK"/>
            </a:p>
          </p:txBody>
        </p:sp>
        <p:sp>
          <p:nvSpPr>
            <p:cNvPr id="63" name="Kombinationstegning: figur 32">
              <a:extLst>
                <a:ext uri="{FF2B5EF4-FFF2-40B4-BE49-F238E27FC236}">
                  <a16:creationId xmlns:a16="http://schemas.microsoft.com/office/drawing/2014/main" id="{4A87E7AB-36B2-46B8-8C51-80271BF5943C}"/>
                </a:ext>
              </a:extLst>
            </p:cNvPr>
            <p:cNvSpPr/>
            <p:nvPr/>
          </p:nvSpPr>
          <p:spPr>
            <a:xfrm>
              <a:off x="1212895" y="6614547"/>
              <a:ext cx="91980" cy="124021"/>
            </a:xfrm>
            <a:custGeom>
              <a:avLst/>
              <a:gdLst>
                <a:gd name="connsiteX0" fmla="*/ 0 w 140436"/>
                <a:gd name="connsiteY0" fmla="*/ 13221 h 189357"/>
                <a:gd name="connsiteX1" fmla="*/ 3835 w 140436"/>
                <a:gd name="connsiteY1" fmla="*/ 3962 h 189357"/>
                <a:gd name="connsiteX2" fmla="*/ 13221 w 140436"/>
                <a:gd name="connsiteY2" fmla="*/ 0 h 189357"/>
                <a:gd name="connsiteX3" fmla="*/ 22492 w 140436"/>
                <a:gd name="connsiteY3" fmla="*/ 3962 h 189357"/>
                <a:gd name="connsiteX4" fmla="*/ 26454 w 140436"/>
                <a:gd name="connsiteY4" fmla="*/ 13221 h 189357"/>
                <a:gd name="connsiteX5" fmla="*/ 26454 w 140436"/>
                <a:gd name="connsiteY5" fmla="*/ 161849 h 189357"/>
                <a:gd name="connsiteX6" fmla="*/ 29362 w 140436"/>
                <a:gd name="connsiteY6" fmla="*/ 164770 h 189357"/>
                <a:gd name="connsiteX7" fmla="*/ 127216 w 140436"/>
                <a:gd name="connsiteY7" fmla="*/ 164770 h 189357"/>
                <a:gd name="connsiteX8" fmla="*/ 136474 w 140436"/>
                <a:gd name="connsiteY8" fmla="*/ 168199 h 189357"/>
                <a:gd name="connsiteX9" fmla="*/ 140437 w 140436"/>
                <a:gd name="connsiteY9" fmla="*/ 176936 h 189357"/>
                <a:gd name="connsiteX10" fmla="*/ 136474 w 140436"/>
                <a:gd name="connsiteY10" fmla="*/ 185928 h 189357"/>
                <a:gd name="connsiteX11" fmla="*/ 127216 w 140436"/>
                <a:gd name="connsiteY11" fmla="*/ 189357 h 189357"/>
                <a:gd name="connsiteX12" fmla="*/ 3962 w 140436"/>
                <a:gd name="connsiteY12" fmla="*/ 189357 h 189357"/>
                <a:gd name="connsiteX13" fmla="*/ 0 w 140436"/>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36" h="189357">
                  <a:moveTo>
                    <a:pt x="0" y="13221"/>
                  </a:moveTo>
                  <a:cubicBezTo>
                    <a:pt x="0" y="9703"/>
                    <a:pt x="1283" y="6604"/>
                    <a:pt x="3835" y="3962"/>
                  </a:cubicBezTo>
                  <a:cubicBezTo>
                    <a:pt x="6388" y="1321"/>
                    <a:pt x="9525" y="0"/>
                    <a:pt x="13221" y="0"/>
                  </a:cubicBezTo>
                  <a:cubicBezTo>
                    <a:pt x="16751" y="0"/>
                    <a:pt x="19837" y="1321"/>
                    <a:pt x="22492" y="3962"/>
                  </a:cubicBezTo>
                  <a:cubicBezTo>
                    <a:pt x="25133" y="6604"/>
                    <a:pt x="26454" y="9703"/>
                    <a:pt x="26454" y="13221"/>
                  </a:cubicBezTo>
                  <a:lnTo>
                    <a:pt x="26454" y="161849"/>
                  </a:lnTo>
                  <a:cubicBezTo>
                    <a:pt x="26454" y="163792"/>
                    <a:pt x="27407" y="164770"/>
                    <a:pt x="29362" y="164770"/>
                  </a:cubicBezTo>
                  <a:lnTo>
                    <a:pt x="127216" y="164770"/>
                  </a:lnTo>
                  <a:cubicBezTo>
                    <a:pt x="130734" y="164770"/>
                    <a:pt x="133820" y="165900"/>
                    <a:pt x="136474" y="168199"/>
                  </a:cubicBezTo>
                  <a:cubicBezTo>
                    <a:pt x="139116" y="170498"/>
                    <a:pt x="140437" y="173406"/>
                    <a:pt x="140437" y="176936"/>
                  </a:cubicBezTo>
                  <a:cubicBezTo>
                    <a:pt x="140437" y="180632"/>
                    <a:pt x="139116" y="183629"/>
                    <a:pt x="136474" y="185928"/>
                  </a:cubicBezTo>
                  <a:cubicBezTo>
                    <a:pt x="133820" y="188214"/>
                    <a:pt x="130734" y="189357"/>
                    <a:pt x="127216"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64" name="Kombinationstegning: figur 33">
              <a:extLst>
                <a:ext uri="{FF2B5EF4-FFF2-40B4-BE49-F238E27FC236}">
                  <a16:creationId xmlns:a16="http://schemas.microsoft.com/office/drawing/2014/main" id="{7B9F4D9A-A681-4CC2-ACA6-F62247832829}"/>
                </a:ext>
              </a:extLst>
            </p:cNvPr>
            <p:cNvSpPr/>
            <p:nvPr/>
          </p:nvSpPr>
          <p:spPr>
            <a:xfrm>
              <a:off x="1358053" y="6614547"/>
              <a:ext cx="91971" cy="124021"/>
            </a:xfrm>
            <a:custGeom>
              <a:avLst/>
              <a:gdLst>
                <a:gd name="connsiteX0" fmla="*/ 0 w 140423"/>
                <a:gd name="connsiteY0" fmla="*/ 13221 h 189357"/>
                <a:gd name="connsiteX1" fmla="*/ 3823 w 140423"/>
                <a:gd name="connsiteY1" fmla="*/ 3962 h 189357"/>
                <a:gd name="connsiteX2" fmla="*/ 13221 w 140423"/>
                <a:gd name="connsiteY2" fmla="*/ 0 h 189357"/>
                <a:gd name="connsiteX3" fmla="*/ 22479 w 140423"/>
                <a:gd name="connsiteY3" fmla="*/ 3962 h 189357"/>
                <a:gd name="connsiteX4" fmla="*/ 26454 w 140423"/>
                <a:gd name="connsiteY4" fmla="*/ 13221 h 189357"/>
                <a:gd name="connsiteX5" fmla="*/ 26454 w 140423"/>
                <a:gd name="connsiteY5" fmla="*/ 161849 h 189357"/>
                <a:gd name="connsiteX6" fmla="*/ 29350 w 140423"/>
                <a:gd name="connsiteY6" fmla="*/ 164770 h 189357"/>
                <a:gd name="connsiteX7" fmla="*/ 127203 w 140423"/>
                <a:gd name="connsiteY7" fmla="*/ 164770 h 189357"/>
                <a:gd name="connsiteX8" fmla="*/ 136474 w 140423"/>
                <a:gd name="connsiteY8" fmla="*/ 168199 h 189357"/>
                <a:gd name="connsiteX9" fmla="*/ 140424 w 140423"/>
                <a:gd name="connsiteY9" fmla="*/ 176936 h 189357"/>
                <a:gd name="connsiteX10" fmla="*/ 136474 w 140423"/>
                <a:gd name="connsiteY10" fmla="*/ 185928 h 189357"/>
                <a:gd name="connsiteX11" fmla="*/ 127203 w 140423"/>
                <a:gd name="connsiteY11" fmla="*/ 189357 h 189357"/>
                <a:gd name="connsiteX12" fmla="*/ 3962 w 140423"/>
                <a:gd name="connsiteY12" fmla="*/ 189357 h 189357"/>
                <a:gd name="connsiteX13" fmla="*/ 0 w 140423"/>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23" h="189357">
                  <a:moveTo>
                    <a:pt x="0" y="13221"/>
                  </a:moveTo>
                  <a:cubicBezTo>
                    <a:pt x="0" y="9703"/>
                    <a:pt x="1283" y="6604"/>
                    <a:pt x="3823" y="3962"/>
                  </a:cubicBezTo>
                  <a:cubicBezTo>
                    <a:pt x="6375" y="1321"/>
                    <a:pt x="9525" y="0"/>
                    <a:pt x="13221" y="0"/>
                  </a:cubicBezTo>
                  <a:cubicBezTo>
                    <a:pt x="16751" y="0"/>
                    <a:pt x="19825" y="1321"/>
                    <a:pt x="22479" y="3962"/>
                  </a:cubicBezTo>
                  <a:cubicBezTo>
                    <a:pt x="25121" y="6604"/>
                    <a:pt x="26454" y="9703"/>
                    <a:pt x="26454" y="13221"/>
                  </a:cubicBezTo>
                  <a:lnTo>
                    <a:pt x="26454" y="161849"/>
                  </a:lnTo>
                  <a:cubicBezTo>
                    <a:pt x="26454" y="163792"/>
                    <a:pt x="27407" y="164770"/>
                    <a:pt x="29350" y="164770"/>
                  </a:cubicBezTo>
                  <a:lnTo>
                    <a:pt x="127203" y="164770"/>
                  </a:lnTo>
                  <a:cubicBezTo>
                    <a:pt x="130721" y="164770"/>
                    <a:pt x="133820" y="165900"/>
                    <a:pt x="136474" y="168199"/>
                  </a:cubicBezTo>
                  <a:cubicBezTo>
                    <a:pt x="139116" y="170498"/>
                    <a:pt x="140424" y="173406"/>
                    <a:pt x="140424" y="176936"/>
                  </a:cubicBezTo>
                  <a:cubicBezTo>
                    <a:pt x="140424" y="180632"/>
                    <a:pt x="139116" y="183629"/>
                    <a:pt x="136474" y="185928"/>
                  </a:cubicBezTo>
                  <a:cubicBezTo>
                    <a:pt x="133820" y="188214"/>
                    <a:pt x="130721" y="189357"/>
                    <a:pt x="127203"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65" name="Kombinationstegning: figur 34">
              <a:extLst>
                <a:ext uri="{FF2B5EF4-FFF2-40B4-BE49-F238E27FC236}">
                  <a16:creationId xmlns:a16="http://schemas.microsoft.com/office/drawing/2014/main" id="{6BC93DCA-F456-4D8F-857A-A21762FAAC4C}"/>
                </a:ext>
              </a:extLst>
            </p:cNvPr>
            <p:cNvSpPr/>
            <p:nvPr/>
          </p:nvSpPr>
          <p:spPr>
            <a:xfrm>
              <a:off x="1480993" y="6617317"/>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66" name="Kombinationstegning: figur 38">
              <a:extLst>
                <a:ext uri="{FF2B5EF4-FFF2-40B4-BE49-F238E27FC236}">
                  <a16:creationId xmlns:a16="http://schemas.microsoft.com/office/drawing/2014/main" id="{29787CC9-8817-4308-BF8C-2C0CD611F7E8}"/>
                </a:ext>
              </a:extLst>
            </p:cNvPr>
            <p:cNvSpPr/>
            <p:nvPr/>
          </p:nvSpPr>
          <p:spPr>
            <a:xfrm>
              <a:off x="1668970" y="6614713"/>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67" name="Kombinationstegning: figur 39">
              <a:extLst>
                <a:ext uri="{FF2B5EF4-FFF2-40B4-BE49-F238E27FC236}">
                  <a16:creationId xmlns:a16="http://schemas.microsoft.com/office/drawing/2014/main" id="{A1F29C0B-BDBB-445F-AC1F-EA1C2B16266B}"/>
                </a:ext>
              </a:extLst>
            </p:cNvPr>
            <p:cNvSpPr/>
            <p:nvPr/>
          </p:nvSpPr>
          <p:spPr>
            <a:xfrm>
              <a:off x="1857782" y="6617313"/>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grpSp>
    </p:spTree>
    <p:extLst>
      <p:ext uri="{BB962C8B-B14F-4D97-AF65-F5344CB8AC3E}">
        <p14:creationId xmlns:p14="http://schemas.microsoft.com/office/powerpoint/2010/main" val="21034318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Brugerdefineret layou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C8BCA9-221E-A06C-2682-E7A23CDBE6BE}"/>
              </a:ext>
            </a:extLst>
          </p:cNvPr>
          <p:cNvSpPr>
            <a:spLocks noGrp="1"/>
          </p:cNvSpPr>
          <p:nvPr>
            <p:ph type="title"/>
          </p:nvPr>
        </p:nvSpPr>
        <p:spPr/>
        <p:txBody>
          <a:bodyPr/>
          <a:lstStyle/>
          <a:p>
            <a:r>
              <a:rPr lang="da-DK"/>
              <a:t>Klik for at redigere titeltypografien i masteren</a:t>
            </a:r>
          </a:p>
        </p:txBody>
      </p:sp>
      <p:sp>
        <p:nvSpPr>
          <p:cNvPr id="3" name="Pladsholder til sidefod 2">
            <a:extLst>
              <a:ext uri="{FF2B5EF4-FFF2-40B4-BE49-F238E27FC236}">
                <a16:creationId xmlns:a16="http://schemas.microsoft.com/office/drawing/2014/main" id="{13450A00-53B7-844C-15D3-45B60B60833C}"/>
              </a:ext>
            </a:extLst>
          </p:cNvPr>
          <p:cNvSpPr>
            <a:spLocks noGrp="1"/>
          </p:cNvSpPr>
          <p:nvPr>
            <p:ph type="ftr" sz="quarter" idx="10"/>
          </p:nvPr>
        </p:nvSpPr>
        <p:spPr/>
        <p:txBody>
          <a:bodyPr/>
          <a:lstStyle/>
          <a:p>
            <a:r>
              <a:rPr lang="da-DK"/>
              <a:t>Steno Diabetes Center Sjælland</a:t>
            </a:r>
            <a:endParaRPr lang="da-DK" dirty="0"/>
          </a:p>
        </p:txBody>
      </p:sp>
      <p:sp>
        <p:nvSpPr>
          <p:cNvPr id="4" name="Pladsholder til slidenummer 3">
            <a:extLst>
              <a:ext uri="{FF2B5EF4-FFF2-40B4-BE49-F238E27FC236}">
                <a16:creationId xmlns:a16="http://schemas.microsoft.com/office/drawing/2014/main" id="{EF630385-2FB6-82FD-4863-13CA4DAEE632}"/>
              </a:ext>
            </a:extLst>
          </p:cNvPr>
          <p:cNvSpPr>
            <a:spLocks noGrp="1"/>
          </p:cNvSpPr>
          <p:nvPr>
            <p:ph type="sldNum" sz="quarter" idx="11"/>
          </p:nvPr>
        </p:nvSpPr>
        <p:spPr/>
        <p:txBody>
          <a:bodyPr/>
          <a:lstStyle/>
          <a:p>
            <a:r>
              <a:rPr lang="da-DK"/>
              <a:t>Side </a:t>
            </a:r>
            <a:fld id="{E796865E-AA3E-4D37-96EF-D3548B036053}" type="slidenum">
              <a:rPr lang="da-DK" smtClean="0"/>
              <a:pPr/>
              <a:t>‹nr.›</a:t>
            </a:fld>
            <a:endParaRPr lang="da-DK" dirty="0"/>
          </a:p>
        </p:txBody>
      </p:sp>
      <p:sp>
        <p:nvSpPr>
          <p:cNvPr id="5" name="Pladsholder til indhold 2">
            <a:extLst>
              <a:ext uri="{FF2B5EF4-FFF2-40B4-BE49-F238E27FC236}">
                <a16:creationId xmlns:a16="http://schemas.microsoft.com/office/drawing/2014/main" id="{144A2870-EDDF-E168-507A-A82C4550AC17}"/>
              </a:ext>
            </a:extLst>
          </p:cNvPr>
          <p:cNvSpPr>
            <a:spLocks noGrp="1"/>
          </p:cNvSpPr>
          <p:nvPr>
            <p:ph idx="1"/>
          </p:nvPr>
        </p:nvSpPr>
        <p:spPr>
          <a:xfrm>
            <a:off x="539999" y="1341438"/>
            <a:ext cx="11101138" cy="4680000"/>
          </a:xfrm>
        </p:spPr>
        <p:txBody>
          <a:bodyPr>
            <a:noAutofit/>
          </a:bodyPr>
          <a:lstStyle>
            <a:lvl1pPr>
              <a:buClr>
                <a:srgbClr val="0085A1"/>
              </a:buClr>
              <a:defRPr/>
            </a:lvl1pPr>
            <a:lvl2pPr>
              <a:buClr>
                <a:srgbClr val="0085A1"/>
              </a:buClr>
              <a:defRPr/>
            </a:lvl2pPr>
            <a:lvl3pPr>
              <a:buClr>
                <a:srgbClr val="0085A1"/>
              </a:buClr>
              <a:defRPr/>
            </a:lvl3pPr>
            <a:lvl4pPr>
              <a:buClr>
                <a:srgbClr val="0085A1"/>
              </a:buClr>
              <a:defRPr/>
            </a:lvl4pPr>
            <a:lvl5pPr>
              <a:buClr>
                <a:srgbClr val="0085A1"/>
              </a:buClr>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425117886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slide med foto">
    <p:bg>
      <p:bgPr>
        <a:solidFill>
          <a:schemeClr val="tx1"/>
        </a:solidFill>
        <a:effectLst/>
      </p:bgPr>
    </p:bg>
    <p:spTree>
      <p:nvGrpSpPr>
        <p:cNvPr id="1" name=""/>
        <p:cNvGrpSpPr/>
        <p:nvPr/>
      </p:nvGrpSpPr>
      <p:grpSpPr>
        <a:xfrm>
          <a:off x="0" y="0"/>
          <a:ext cx="0" cy="0"/>
          <a:chOff x="0" y="0"/>
          <a:chExt cx="0" cy="0"/>
        </a:xfrm>
      </p:grpSpPr>
      <p:sp>
        <p:nvSpPr>
          <p:cNvPr id="54" name="Pladsholder til billede 53">
            <a:extLst>
              <a:ext uri="{FF2B5EF4-FFF2-40B4-BE49-F238E27FC236}">
                <a16:creationId xmlns:a16="http://schemas.microsoft.com/office/drawing/2014/main" id="{FB1F3DF7-B820-4C26-ACB0-B0C017FFD5FC}"/>
              </a:ext>
            </a:extLst>
          </p:cNvPr>
          <p:cNvSpPr>
            <a:spLocks noGrp="1"/>
          </p:cNvSpPr>
          <p:nvPr>
            <p:ph type="pic" sz="quarter" idx="15"/>
          </p:nvPr>
        </p:nvSpPr>
        <p:spPr>
          <a:xfrm>
            <a:off x="7459690" y="2753426"/>
            <a:ext cx="4732310" cy="4108060"/>
          </a:xfrm>
          <a:custGeom>
            <a:avLst/>
            <a:gdLst>
              <a:gd name="connsiteX0" fmla="*/ 3259809 w 4732310"/>
              <a:gd name="connsiteY0" fmla="*/ 0 h 4108060"/>
              <a:gd name="connsiteX1" fmla="*/ 4528674 w 4732310"/>
              <a:gd name="connsiteY1" fmla="*/ 256172 h 4108060"/>
              <a:gd name="connsiteX2" fmla="*/ 4732310 w 4732310"/>
              <a:gd name="connsiteY2" fmla="*/ 354269 h 4108060"/>
              <a:gd name="connsiteX3" fmla="*/ 4732310 w 4732310"/>
              <a:gd name="connsiteY3" fmla="*/ 4108060 h 4108060"/>
              <a:gd name="connsiteX4" fmla="*/ 115413 w 4732310"/>
              <a:gd name="connsiteY4" fmla="*/ 4108060 h 4108060"/>
              <a:gd name="connsiteX5" fmla="*/ 66228 w 4732310"/>
              <a:gd name="connsiteY5" fmla="*/ 3916775 h 4108060"/>
              <a:gd name="connsiteX6" fmla="*/ 0 w 4732310"/>
              <a:gd name="connsiteY6" fmla="*/ 3259809 h 4108060"/>
              <a:gd name="connsiteX7" fmla="*/ 954776 w 4732310"/>
              <a:gd name="connsiteY7" fmla="*/ 954776 h 4108060"/>
              <a:gd name="connsiteX8" fmla="*/ 985083 w 4732310"/>
              <a:gd name="connsiteY8" fmla="*/ 927231 h 4108060"/>
              <a:gd name="connsiteX9" fmla="*/ 1040437 w 4732310"/>
              <a:gd name="connsiteY9" fmla="*/ 972902 h 4108060"/>
              <a:gd name="connsiteX10" fmla="*/ 1653351 w 4732310"/>
              <a:gd name="connsiteY10" fmla="*/ 1160121 h 4108060"/>
              <a:gd name="connsiteX11" fmla="*/ 2749584 w 4732310"/>
              <a:gd name="connsiteY11" fmla="*/ 63888 h 4108060"/>
              <a:gd name="connsiteX12" fmla="*/ 2748579 w 4732310"/>
              <a:gd name="connsiteY12" fmla="*/ 43986 h 4108060"/>
              <a:gd name="connsiteX13" fmla="*/ 2926512 w 4732310"/>
              <a:gd name="connsiteY13" fmla="*/ 16830 h 4108060"/>
              <a:gd name="connsiteX14" fmla="*/ 3259809 w 4732310"/>
              <a:gd name="connsiteY14" fmla="*/ 0 h 41080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732310" h="4108060">
                <a:moveTo>
                  <a:pt x="3259809" y="0"/>
                </a:moveTo>
                <a:cubicBezTo>
                  <a:pt x="3709895" y="0"/>
                  <a:pt x="4138676" y="91217"/>
                  <a:pt x="4528674" y="256172"/>
                </a:cubicBezTo>
                <a:lnTo>
                  <a:pt x="4732310" y="354269"/>
                </a:lnTo>
                <a:lnTo>
                  <a:pt x="4732310" y="4108060"/>
                </a:lnTo>
                <a:lnTo>
                  <a:pt x="115413" y="4108060"/>
                </a:lnTo>
                <a:lnTo>
                  <a:pt x="66228" y="3916775"/>
                </a:lnTo>
                <a:cubicBezTo>
                  <a:pt x="22805" y="3704569"/>
                  <a:pt x="0" y="3484852"/>
                  <a:pt x="0" y="3259809"/>
                </a:cubicBezTo>
                <a:cubicBezTo>
                  <a:pt x="0" y="2359638"/>
                  <a:pt x="364867" y="1544686"/>
                  <a:pt x="954776" y="954776"/>
                </a:cubicBezTo>
                <a:lnTo>
                  <a:pt x="985083" y="927231"/>
                </a:lnTo>
                <a:lnTo>
                  <a:pt x="1040437" y="972902"/>
                </a:lnTo>
                <a:cubicBezTo>
                  <a:pt x="1215397" y="1091103"/>
                  <a:pt x="1426314" y="1160121"/>
                  <a:pt x="1653351" y="1160121"/>
                </a:cubicBezTo>
                <a:cubicBezTo>
                  <a:pt x="2258784" y="1160121"/>
                  <a:pt x="2749584" y="669321"/>
                  <a:pt x="2749584" y="63888"/>
                </a:cubicBezTo>
                <a:lnTo>
                  <a:pt x="2748579" y="43986"/>
                </a:lnTo>
                <a:lnTo>
                  <a:pt x="2926512" y="16830"/>
                </a:lnTo>
                <a:cubicBezTo>
                  <a:pt x="3036098" y="5701"/>
                  <a:pt x="3147288" y="0"/>
                  <a:pt x="3259809" y="0"/>
                </a:cubicBezTo>
                <a:close/>
              </a:path>
            </a:pathLst>
          </a:custGeom>
          <a:solidFill>
            <a:schemeClr val="bg1"/>
          </a:solidFill>
        </p:spPr>
        <p:txBody>
          <a:bodyPr wrap="square">
            <a:noAutofit/>
          </a:bodyPr>
          <a:lstStyle>
            <a:lvl1pPr marL="0" indent="0">
              <a:buNone/>
              <a:defRPr/>
            </a:lvl1pPr>
          </a:lstStyle>
          <a:p>
            <a:r>
              <a:rPr lang="da-DK"/>
              <a:t>Klik på ikonet for at tilføje et billede</a:t>
            </a:r>
          </a:p>
        </p:txBody>
      </p:sp>
      <p:sp>
        <p:nvSpPr>
          <p:cNvPr id="97" name="Kombinationstegning: figur 96">
            <a:extLst>
              <a:ext uri="{FF2B5EF4-FFF2-40B4-BE49-F238E27FC236}">
                <a16:creationId xmlns:a16="http://schemas.microsoft.com/office/drawing/2014/main" id="{C3CE9A8D-C8DC-4FF9-9C66-990D3DB8BEC8}"/>
              </a:ext>
            </a:extLst>
          </p:cNvPr>
          <p:cNvSpPr/>
          <p:nvPr/>
        </p:nvSpPr>
        <p:spPr>
          <a:xfrm>
            <a:off x="7209063" y="1"/>
            <a:ext cx="957763" cy="478882"/>
          </a:xfrm>
          <a:custGeom>
            <a:avLst/>
            <a:gdLst>
              <a:gd name="connsiteX0" fmla="*/ 636943 w 1273886"/>
              <a:gd name="connsiteY0" fmla="*/ 636943 h 636943"/>
              <a:gd name="connsiteX1" fmla="*/ 1273886 w 1273886"/>
              <a:gd name="connsiteY1" fmla="*/ 0 h 636943"/>
              <a:gd name="connsiteX2" fmla="*/ 0 w 1273886"/>
              <a:gd name="connsiteY2" fmla="*/ 0 h 636943"/>
              <a:gd name="connsiteX3" fmla="*/ 636943 w 1273886"/>
              <a:gd name="connsiteY3" fmla="*/ 636943 h 636943"/>
            </a:gdLst>
            <a:ahLst/>
            <a:cxnLst>
              <a:cxn ang="0">
                <a:pos x="connsiteX0" y="connsiteY0"/>
              </a:cxn>
              <a:cxn ang="0">
                <a:pos x="connsiteX1" y="connsiteY1"/>
              </a:cxn>
              <a:cxn ang="0">
                <a:pos x="connsiteX2" y="connsiteY2"/>
              </a:cxn>
              <a:cxn ang="0">
                <a:pos x="connsiteX3" y="connsiteY3"/>
              </a:cxn>
            </a:cxnLst>
            <a:rect l="l" t="t" r="r" b="b"/>
            <a:pathLst>
              <a:path w="1273886" h="636943">
                <a:moveTo>
                  <a:pt x="636943" y="636943"/>
                </a:moveTo>
                <a:cubicBezTo>
                  <a:pt x="988720" y="636943"/>
                  <a:pt x="1273886" y="351765"/>
                  <a:pt x="1273886" y="0"/>
                </a:cubicBezTo>
                <a:lnTo>
                  <a:pt x="0" y="0"/>
                </a:lnTo>
                <a:cubicBezTo>
                  <a:pt x="0" y="351765"/>
                  <a:pt x="285179" y="636943"/>
                  <a:pt x="636943" y="636943"/>
                </a:cubicBezTo>
              </a:path>
            </a:pathLst>
          </a:custGeom>
          <a:solidFill>
            <a:schemeClr val="accent1"/>
          </a:solidFill>
          <a:ln w="12700" cap="flat">
            <a:noFill/>
            <a:prstDash val="solid"/>
            <a:miter/>
          </a:ln>
        </p:spPr>
        <p:txBody>
          <a:bodyPr rtlCol="0" anchor="ctr"/>
          <a:lstStyle/>
          <a:p>
            <a:endParaRPr lang="da-DK"/>
          </a:p>
        </p:txBody>
      </p:sp>
      <p:sp>
        <p:nvSpPr>
          <p:cNvPr id="3" name="Undertitel 2">
            <a:extLst>
              <a:ext uri="{FF2B5EF4-FFF2-40B4-BE49-F238E27FC236}">
                <a16:creationId xmlns:a16="http://schemas.microsoft.com/office/drawing/2014/main" id="{2FC74C7B-E901-4D9B-872D-D1976FEA9D80}"/>
              </a:ext>
            </a:extLst>
          </p:cNvPr>
          <p:cNvSpPr>
            <a:spLocks noGrp="1"/>
          </p:cNvSpPr>
          <p:nvPr userDrawn="1">
            <p:ph type="subTitle" idx="1"/>
          </p:nvPr>
        </p:nvSpPr>
        <p:spPr>
          <a:xfrm>
            <a:off x="720000" y="720000"/>
            <a:ext cx="7200000" cy="258797"/>
          </a:xfrm>
        </p:spPr>
        <p:txBody>
          <a:bodyPr>
            <a:noAutofit/>
          </a:bodyPr>
          <a:lstStyle>
            <a:lvl1pPr marL="0" indent="0" algn="l">
              <a:buNone/>
              <a:defRPr sz="180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i master</a:t>
            </a:r>
            <a:endParaRPr lang="da-DK" dirty="0"/>
          </a:p>
        </p:txBody>
      </p:sp>
      <p:sp>
        <p:nvSpPr>
          <p:cNvPr id="9" name="Titel 8">
            <a:extLst>
              <a:ext uri="{FF2B5EF4-FFF2-40B4-BE49-F238E27FC236}">
                <a16:creationId xmlns:a16="http://schemas.microsoft.com/office/drawing/2014/main" id="{CDF6510D-94B4-4A30-B1C8-B95F8CE1D999}"/>
              </a:ext>
            </a:extLst>
          </p:cNvPr>
          <p:cNvSpPr>
            <a:spLocks noGrp="1"/>
          </p:cNvSpPr>
          <p:nvPr userDrawn="1">
            <p:ph type="title"/>
          </p:nvPr>
        </p:nvSpPr>
        <p:spPr>
          <a:xfrm>
            <a:off x="720000" y="1367999"/>
            <a:ext cx="7200000" cy="2061001"/>
          </a:xfrm>
        </p:spPr>
        <p:txBody>
          <a:bodyPr>
            <a:noAutofit/>
          </a:bodyPr>
          <a:lstStyle>
            <a:lvl1pPr>
              <a:lnSpc>
                <a:spcPts val="5300"/>
              </a:lnSpc>
              <a:defRPr sz="4800">
                <a:solidFill>
                  <a:schemeClr val="bg1"/>
                </a:solidFill>
              </a:defRPr>
            </a:lvl1pPr>
          </a:lstStyle>
          <a:p>
            <a:r>
              <a:rPr lang="da-DK"/>
              <a:t>Klik for at redigere i master</a:t>
            </a:r>
            <a:endParaRPr lang="da-DK" dirty="0"/>
          </a:p>
        </p:txBody>
      </p:sp>
      <p:sp>
        <p:nvSpPr>
          <p:cNvPr id="18" name="Pladsholder til tekst 17">
            <a:extLst>
              <a:ext uri="{FF2B5EF4-FFF2-40B4-BE49-F238E27FC236}">
                <a16:creationId xmlns:a16="http://schemas.microsoft.com/office/drawing/2014/main" id="{F83738D0-31BE-48A9-8BBF-57EA6BD5DF13}"/>
              </a:ext>
            </a:extLst>
          </p:cNvPr>
          <p:cNvSpPr>
            <a:spLocks noGrp="1"/>
          </p:cNvSpPr>
          <p:nvPr userDrawn="1">
            <p:ph type="body" sz="quarter" idx="13" hasCustomPrompt="1"/>
          </p:nvPr>
        </p:nvSpPr>
        <p:spPr>
          <a:xfrm>
            <a:off x="731838" y="4428000"/>
            <a:ext cx="7199312" cy="889000"/>
          </a:xfrm>
        </p:spPr>
        <p:txBody>
          <a:bodyPr/>
          <a:lstStyle>
            <a:lvl1pPr marL="0" indent="0">
              <a:buNone/>
              <a:defRPr>
                <a:solidFill>
                  <a:schemeClr val="bg1"/>
                </a:solidFill>
              </a:defRPr>
            </a:lvl1pPr>
            <a:lvl2pPr marL="288000" indent="0">
              <a:buNone/>
              <a:defRPr>
                <a:solidFill>
                  <a:schemeClr val="bg1"/>
                </a:solidFill>
              </a:defRPr>
            </a:lvl2pPr>
            <a:lvl3pPr marL="576000" indent="0">
              <a:buNone/>
              <a:defRPr>
                <a:solidFill>
                  <a:schemeClr val="bg1"/>
                </a:solidFill>
              </a:defRPr>
            </a:lvl3pPr>
            <a:lvl4pPr marL="864000" indent="0">
              <a:buNone/>
              <a:defRPr>
                <a:solidFill>
                  <a:schemeClr val="bg1"/>
                </a:solidFill>
              </a:defRPr>
            </a:lvl4pPr>
            <a:lvl5pPr marL="1152000" indent="0">
              <a:buNone/>
              <a:defRPr>
                <a:solidFill>
                  <a:schemeClr val="bg1"/>
                </a:solidFill>
              </a:defRPr>
            </a:lvl5pPr>
          </a:lstStyle>
          <a:p>
            <a:pPr lvl="0"/>
            <a:r>
              <a:rPr lang="da-DK" dirty="0"/>
              <a:t>Indsæt oplægsholder</a:t>
            </a:r>
          </a:p>
        </p:txBody>
      </p:sp>
      <p:sp>
        <p:nvSpPr>
          <p:cNvPr id="49" name="Kombinationstegning: figur 48">
            <a:extLst>
              <a:ext uri="{FF2B5EF4-FFF2-40B4-BE49-F238E27FC236}">
                <a16:creationId xmlns:a16="http://schemas.microsoft.com/office/drawing/2014/main" id="{11DA065D-1980-4901-B7A2-6A3FE7F3FE06}"/>
              </a:ext>
            </a:extLst>
          </p:cNvPr>
          <p:cNvSpPr/>
          <p:nvPr userDrawn="1"/>
        </p:nvSpPr>
        <p:spPr>
          <a:xfrm>
            <a:off x="8016809" y="1721081"/>
            <a:ext cx="2191461" cy="1959576"/>
          </a:xfrm>
          <a:custGeom>
            <a:avLst/>
            <a:gdLst>
              <a:gd name="connsiteX0" fmla="*/ 1096233 w 2191461"/>
              <a:gd name="connsiteY0" fmla="*/ 0 h 1959576"/>
              <a:gd name="connsiteX1" fmla="*/ 2186806 w 2191461"/>
              <a:gd name="connsiteY1" fmla="*/ 984150 h 1959576"/>
              <a:gd name="connsiteX2" fmla="*/ 2191461 w 2191461"/>
              <a:gd name="connsiteY2" fmla="*/ 1076331 h 1959576"/>
              <a:gd name="connsiteX3" fmla="*/ 2045726 w 2191461"/>
              <a:gd name="connsiteY3" fmla="*/ 1098573 h 1959576"/>
              <a:gd name="connsiteX4" fmla="*/ 629150 w 2191461"/>
              <a:gd name="connsiteY4" fmla="*/ 1776727 h 1959576"/>
              <a:gd name="connsiteX5" fmla="*/ 427965 w 2191461"/>
              <a:gd name="connsiteY5" fmla="*/ 1959576 h 1959576"/>
              <a:gd name="connsiteX6" fmla="*/ 321079 w 2191461"/>
              <a:gd name="connsiteY6" fmla="*/ 1871387 h 1959576"/>
              <a:gd name="connsiteX7" fmla="*/ 0 w 2191461"/>
              <a:gd name="connsiteY7" fmla="*/ 1096233 h 1959576"/>
              <a:gd name="connsiteX8" fmla="*/ 1096233 w 2191461"/>
              <a:gd name="connsiteY8" fmla="*/ 0 h 1959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91461" h="1959576">
                <a:moveTo>
                  <a:pt x="1096233" y="0"/>
                </a:moveTo>
                <a:cubicBezTo>
                  <a:pt x="1663827" y="0"/>
                  <a:pt x="2130668" y="431367"/>
                  <a:pt x="2186806" y="984150"/>
                </a:cubicBezTo>
                <a:lnTo>
                  <a:pt x="2191461" y="1076331"/>
                </a:lnTo>
                <a:lnTo>
                  <a:pt x="2045726" y="1098573"/>
                </a:lnTo>
                <a:cubicBezTo>
                  <a:pt x="1515211" y="1207132"/>
                  <a:pt x="1031641" y="1444562"/>
                  <a:pt x="629150" y="1776727"/>
                </a:cubicBezTo>
                <a:lnTo>
                  <a:pt x="427965" y="1959576"/>
                </a:lnTo>
                <a:lnTo>
                  <a:pt x="321079" y="1871387"/>
                </a:lnTo>
                <a:cubicBezTo>
                  <a:pt x="122700" y="1673008"/>
                  <a:pt x="0" y="1398950"/>
                  <a:pt x="0" y="1096233"/>
                </a:cubicBezTo>
                <a:cubicBezTo>
                  <a:pt x="0" y="490800"/>
                  <a:pt x="490800" y="0"/>
                  <a:pt x="1096233" y="0"/>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nvGrpSpPr>
          <p:cNvPr id="37" name="Gruppe 36">
            <a:extLst>
              <a:ext uri="{FF2B5EF4-FFF2-40B4-BE49-F238E27FC236}">
                <a16:creationId xmlns:a16="http://schemas.microsoft.com/office/drawing/2014/main" id="{ABA7A197-6C69-4D7D-B18C-0142AA777572}"/>
              </a:ext>
            </a:extLst>
          </p:cNvPr>
          <p:cNvGrpSpPr>
            <a:grpSpLocks noChangeAspect="1"/>
          </p:cNvGrpSpPr>
          <p:nvPr userDrawn="1"/>
        </p:nvGrpSpPr>
        <p:grpSpPr>
          <a:xfrm>
            <a:off x="11154813" y="303458"/>
            <a:ext cx="718221" cy="1085713"/>
            <a:chOff x="720000" y="4860000"/>
            <a:chExt cx="1259999" cy="1904703"/>
          </a:xfrm>
        </p:grpSpPr>
        <p:sp>
          <p:nvSpPr>
            <p:cNvPr id="38" name="Kombinationstegning: figur 4">
              <a:extLst>
                <a:ext uri="{FF2B5EF4-FFF2-40B4-BE49-F238E27FC236}">
                  <a16:creationId xmlns:a16="http://schemas.microsoft.com/office/drawing/2014/main" id="{8E1B2918-B0A1-4FE7-BCFA-BAAD8ACC3F60}"/>
                </a:ext>
              </a:extLst>
            </p:cNvPr>
            <p:cNvSpPr/>
            <p:nvPr/>
          </p:nvSpPr>
          <p:spPr>
            <a:xfrm>
              <a:off x="903890" y="4860000"/>
              <a:ext cx="892210" cy="882977"/>
            </a:xfrm>
            <a:custGeom>
              <a:avLst/>
              <a:gdLst>
                <a:gd name="connsiteX0" fmla="*/ 1062698 w 1362240"/>
                <a:gd name="connsiteY0" fmla="*/ 1043813 h 1348143"/>
                <a:gd name="connsiteX1" fmla="*/ 891362 w 1362240"/>
                <a:gd name="connsiteY1" fmla="*/ 914870 h 1348143"/>
                <a:gd name="connsiteX2" fmla="*/ 1020534 w 1362240"/>
                <a:gd name="connsiteY2" fmla="*/ 743877 h 1348143"/>
                <a:gd name="connsiteX3" fmla="*/ 1191870 w 1362240"/>
                <a:gd name="connsiteY3" fmla="*/ 872681 h 1348143"/>
                <a:gd name="connsiteX4" fmla="*/ 1062698 w 1362240"/>
                <a:gd name="connsiteY4" fmla="*/ 1043813 h 1348143"/>
                <a:gd name="connsiteX5" fmla="*/ 690169 w 1362240"/>
                <a:gd name="connsiteY5" fmla="*/ 862317 h 1348143"/>
                <a:gd name="connsiteX6" fmla="*/ 492379 w 1362240"/>
                <a:gd name="connsiteY6" fmla="*/ 713486 h 1348143"/>
                <a:gd name="connsiteX7" fmla="*/ 641401 w 1362240"/>
                <a:gd name="connsiteY7" fmla="*/ 515963 h 1348143"/>
                <a:gd name="connsiteX8" fmla="*/ 839368 w 1362240"/>
                <a:gd name="connsiteY8" fmla="*/ 664807 h 1348143"/>
                <a:gd name="connsiteX9" fmla="*/ 690169 w 1362240"/>
                <a:gd name="connsiteY9" fmla="*/ 862317 h 1348143"/>
                <a:gd name="connsiteX10" fmla="*/ 313030 w 1362240"/>
                <a:gd name="connsiteY10" fmla="*/ 634416 h 1348143"/>
                <a:gd name="connsiteX11" fmla="*/ 141643 w 1362240"/>
                <a:gd name="connsiteY11" fmla="*/ 505536 h 1348143"/>
                <a:gd name="connsiteX12" fmla="*/ 270802 w 1362240"/>
                <a:gd name="connsiteY12" fmla="*/ 334467 h 1348143"/>
                <a:gd name="connsiteX13" fmla="*/ 442290 w 1362240"/>
                <a:gd name="connsiteY13" fmla="*/ 463271 h 1348143"/>
                <a:gd name="connsiteX14" fmla="*/ 313030 w 1362240"/>
                <a:gd name="connsiteY14" fmla="*/ 634416 h 1348143"/>
                <a:gd name="connsiteX15" fmla="*/ 1362240 w 1362240"/>
                <a:gd name="connsiteY15" fmla="*/ 671627 h 1348143"/>
                <a:gd name="connsiteX16" fmla="*/ 1042149 w 1362240"/>
                <a:gd name="connsiteY16" fmla="*/ 95174 h 1348143"/>
                <a:gd name="connsiteX17" fmla="*/ 976630 w 1362240"/>
                <a:gd name="connsiteY17" fmla="*/ 151105 h 1348143"/>
                <a:gd name="connsiteX18" fmla="*/ 885901 w 1362240"/>
                <a:gd name="connsiteY18" fmla="*/ 82969 h 1348143"/>
                <a:gd name="connsiteX19" fmla="*/ 898728 w 1362240"/>
                <a:gd name="connsiteY19" fmla="*/ 27318 h 1348143"/>
                <a:gd name="connsiteX20" fmla="*/ 788010 w 1362240"/>
                <a:gd name="connsiteY20" fmla="*/ 241 h 1348143"/>
                <a:gd name="connsiteX21" fmla="*/ 696811 w 1362240"/>
                <a:gd name="connsiteY21" fmla="*/ 92735 h 1348143"/>
                <a:gd name="connsiteX22" fmla="*/ 575869 w 1362240"/>
                <a:gd name="connsiteY22" fmla="*/ 1867 h 1348143"/>
                <a:gd name="connsiteX23" fmla="*/ 575704 w 1362240"/>
                <a:gd name="connsiteY23" fmla="*/ 0 h 1348143"/>
                <a:gd name="connsiteX24" fmla="*/ 465925 w 1362240"/>
                <a:gd name="connsiteY24" fmla="*/ 26543 h 1348143"/>
                <a:gd name="connsiteX25" fmla="*/ 502006 w 1362240"/>
                <a:gd name="connsiteY25" fmla="*/ 99708 h 1348143"/>
                <a:gd name="connsiteX26" fmla="*/ 389865 w 1362240"/>
                <a:gd name="connsiteY26" fmla="*/ 248209 h 1348143"/>
                <a:gd name="connsiteX27" fmla="*/ 243865 w 1362240"/>
                <a:gd name="connsiteY27" fmla="*/ 150482 h 1348143"/>
                <a:gd name="connsiteX28" fmla="*/ 0 w 1362240"/>
                <a:gd name="connsiteY28" fmla="*/ 671627 h 1348143"/>
                <a:gd name="connsiteX29" fmla="*/ 159982 w 1362240"/>
                <a:gd name="connsiteY29" fmla="*/ 1109256 h 1348143"/>
                <a:gd name="connsiteX30" fmla="*/ 211493 w 1362240"/>
                <a:gd name="connsiteY30" fmla="*/ 1047674 h 1348143"/>
                <a:gd name="connsiteX31" fmla="*/ 279502 w 1362240"/>
                <a:gd name="connsiteY31" fmla="*/ 1098791 h 1348143"/>
                <a:gd name="connsiteX32" fmla="*/ 228194 w 1362240"/>
                <a:gd name="connsiteY32" fmla="*/ 1166609 h 1348143"/>
                <a:gd name="connsiteX33" fmla="*/ 214516 w 1362240"/>
                <a:gd name="connsiteY33" fmla="*/ 1166762 h 1348143"/>
                <a:gd name="connsiteX34" fmla="*/ 314998 w 1362240"/>
                <a:gd name="connsiteY34" fmla="*/ 1244905 h 1348143"/>
                <a:gd name="connsiteX35" fmla="*/ 355168 w 1362240"/>
                <a:gd name="connsiteY35" fmla="*/ 1226947 h 1348143"/>
                <a:gd name="connsiteX36" fmla="*/ 445859 w 1362240"/>
                <a:gd name="connsiteY36" fmla="*/ 1295362 h 1348143"/>
                <a:gd name="connsiteX37" fmla="*/ 446481 w 1362240"/>
                <a:gd name="connsiteY37" fmla="*/ 1309954 h 1348143"/>
                <a:gd name="connsiteX38" fmla="*/ 556044 w 1362240"/>
                <a:gd name="connsiteY38" fmla="*/ 1339888 h 1348143"/>
                <a:gd name="connsiteX39" fmla="*/ 634949 w 1362240"/>
                <a:gd name="connsiteY39" fmla="*/ 1285469 h 1348143"/>
                <a:gd name="connsiteX40" fmla="*/ 747586 w 1362240"/>
                <a:gd name="connsiteY40" fmla="*/ 1348143 h 1348143"/>
                <a:gd name="connsiteX41" fmla="*/ 849020 w 1362240"/>
                <a:gd name="connsiteY41" fmla="*/ 1330541 h 1348143"/>
                <a:gd name="connsiteX42" fmla="*/ 829729 w 1362240"/>
                <a:gd name="connsiteY42" fmla="*/ 1278534 h 1348143"/>
                <a:gd name="connsiteX43" fmla="*/ 941870 w 1362240"/>
                <a:gd name="connsiteY43" fmla="*/ 1130071 h 1348143"/>
                <a:gd name="connsiteX44" fmla="*/ 1085152 w 1362240"/>
                <a:gd name="connsiteY44" fmla="*/ 1218870 h 1348143"/>
                <a:gd name="connsiteX45" fmla="*/ 1362240 w 1362240"/>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40" h="1348143">
                  <a:moveTo>
                    <a:pt x="1062698" y="1043813"/>
                  </a:moveTo>
                  <a:cubicBezTo>
                    <a:pt x="979716" y="1055497"/>
                    <a:pt x="903072" y="997763"/>
                    <a:pt x="891362" y="914870"/>
                  </a:cubicBezTo>
                  <a:cubicBezTo>
                    <a:pt x="879704" y="832028"/>
                    <a:pt x="937501" y="755548"/>
                    <a:pt x="1020534" y="743877"/>
                  </a:cubicBezTo>
                  <a:cubicBezTo>
                    <a:pt x="1103554" y="732231"/>
                    <a:pt x="1180262" y="789915"/>
                    <a:pt x="1191870" y="872681"/>
                  </a:cubicBezTo>
                  <a:cubicBezTo>
                    <a:pt x="1203592" y="955637"/>
                    <a:pt x="1145743" y="1032218"/>
                    <a:pt x="1062698" y="1043813"/>
                  </a:cubicBezTo>
                  <a:moveTo>
                    <a:pt x="690169" y="862317"/>
                  </a:moveTo>
                  <a:cubicBezTo>
                    <a:pt x="594436" y="875741"/>
                    <a:pt x="505841" y="809092"/>
                    <a:pt x="492379" y="713486"/>
                  </a:cubicBezTo>
                  <a:cubicBezTo>
                    <a:pt x="478879" y="617919"/>
                    <a:pt x="545643" y="529400"/>
                    <a:pt x="641401" y="515963"/>
                  </a:cubicBezTo>
                  <a:cubicBezTo>
                    <a:pt x="737337" y="502450"/>
                    <a:pt x="825894" y="569100"/>
                    <a:pt x="839368" y="664807"/>
                  </a:cubicBezTo>
                  <a:cubicBezTo>
                    <a:pt x="852830" y="760451"/>
                    <a:pt x="786168" y="848855"/>
                    <a:pt x="690169" y="862317"/>
                  </a:cubicBezTo>
                  <a:moveTo>
                    <a:pt x="313030" y="634416"/>
                  </a:moveTo>
                  <a:cubicBezTo>
                    <a:pt x="230048" y="646011"/>
                    <a:pt x="153314" y="588315"/>
                    <a:pt x="141643" y="505536"/>
                  </a:cubicBezTo>
                  <a:cubicBezTo>
                    <a:pt x="130061" y="422669"/>
                    <a:pt x="187770" y="346024"/>
                    <a:pt x="270802" y="334467"/>
                  </a:cubicBezTo>
                  <a:cubicBezTo>
                    <a:pt x="353847" y="322694"/>
                    <a:pt x="430619" y="380530"/>
                    <a:pt x="442290" y="463271"/>
                  </a:cubicBezTo>
                  <a:cubicBezTo>
                    <a:pt x="453873" y="546189"/>
                    <a:pt x="396011" y="622783"/>
                    <a:pt x="313030" y="634416"/>
                  </a:cubicBezTo>
                  <a:moveTo>
                    <a:pt x="1362240" y="671627"/>
                  </a:moveTo>
                  <a:cubicBezTo>
                    <a:pt x="1362240" y="428562"/>
                    <a:pt x="1234389" y="215341"/>
                    <a:pt x="1042149" y="95174"/>
                  </a:cubicBezTo>
                  <a:cubicBezTo>
                    <a:pt x="1033336" y="123990"/>
                    <a:pt x="1008558" y="146609"/>
                    <a:pt x="976630" y="151105"/>
                  </a:cubicBezTo>
                  <a:cubicBezTo>
                    <a:pt x="932663" y="157290"/>
                    <a:pt x="892175" y="126860"/>
                    <a:pt x="885901" y="82969"/>
                  </a:cubicBezTo>
                  <a:cubicBezTo>
                    <a:pt x="883044" y="62649"/>
                    <a:pt x="888162" y="43129"/>
                    <a:pt x="898728" y="27318"/>
                  </a:cubicBezTo>
                  <a:cubicBezTo>
                    <a:pt x="863054" y="15329"/>
                    <a:pt x="826059" y="6223"/>
                    <a:pt x="788010" y="241"/>
                  </a:cubicBezTo>
                  <a:cubicBezTo>
                    <a:pt x="782193" y="46939"/>
                    <a:pt x="745808" y="85890"/>
                    <a:pt x="696811" y="92735"/>
                  </a:cubicBezTo>
                  <a:cubicBezTo>
                    <a:pt x="638226" y="100889"/>
                    <a:pt x="584149" y="60236"/>
                    <a:pt x="575869" y="1867"/>
                  </a:cubicBezTo>
                  <a:cubicBezTo>
                    <a:pt x="575780" y="1232"/>
                    <a:pt x="575742" y="622"/>
                    <a:pt x="575704" y="0"/>
                  </a:cubicBezTo>
                  <a:cubicBezTo>
                    <a:pt x="537997" y="5842"/>
                    <a:pt x="501320" y="14796"/>
                    <a:pt x="465925" y="26543"/>
                  </a:cubicBezTo>
                  <a:cubicBezTo>
                    <a:pt x="484759" y="45872"/>
                    <a:pt x="497967" y="70980"/>
                    <a:pt x="502006" y="99708"/>
                  </a:cubicBezTo>
                  <a:cubicBezTo>
                    <a:pt x="512102" y="171577"/>
                    <a:pt x="461848" y="238112"/>
                    <a:pt x="389865" y="248209"/>
                  </a:cubicBezTo>
                  <a:cubicBezTo>
                    <a:pt x="322656" y="257607"/>
                    <a:pt x="260147" y="214681"/>
                    <a:pt x="243865" y="150482"/>
                  </a:cubicBezTo>
                  <a:cubicBezTo>
                    <a:pt x="94818" y="275171"/>
                    <a:pt x="0" y="462331"/>
                    <a:pt x="0" y="671627"/>
                  </a:cubicBezTo>
                  <a:cubicBezTo>
                    <a:pt x="0" y="838340"/>
                    <a:pt x="60185" y="991006"/>
                    <a:pt x="159982" y="1109256"/>
                  </a:cubicBezTo>
                  <a:cubicBezTo>
                    <a:pt x="158877" y="1078878"/>
                    <a:pt x="180607" y="1052005"/>
                    <a:pt x="211493" y="1047674"/>
                  </a:cubicBezTo>
                  <a:cubicBezTo>
                    <a:pt x="244450" y="1043038"/>
                    <a:pt x="274790" y="1065975"/>
                    <a:pt x="279502" y="1098791"/>
                  </a:cubicBezTo>
                  <a:cubicBezTo>
                    <a:pt x="284124" y="1131761"/>
                    <a:pt x="261188" y="1162152"/>
                    <a:pt x="228194" y="1166609"/>
                  </a:cubicBezTo>
                  <a:cubicBezTo>
                    <a:pt x="223545" y="1167282"/>
                    <a:pt x="218986" y="1167194"/>
                    <a:pt x="214516" y="1166762"/>
                  </a:cubicBezTo>
                  <a:cubicBezTo>
                    <a:pt x="245440" y="1195794"/>
                    <a:pt x="279057" y="1221994"/>
                    <a:pt x="314998" y="1244905"/>
                  </a:cubicBezTo>
                  <a:cubicBezTo>
                    <a:pt x="326111" y="1235647"/>
                    <a:pt x="339789" y="1229182"/>
                    <a:pt x="355168" y="1226947"/>
                  </a:cubicBezTo>
                  <a:cubicBezTo>
                    <a:pt x="399085" y="1221016"/>
                    <a:pt x="439687" y="1251356"/>
                    <a:pt x="445859" y="1295362"/>
                  </a:cubicBezTo>
                  <a:cubicBezTo>
                    <a:pt x="446545" y="1300277"/>
                    <a:pt x="446697" y="1305154"/>
                    <a:pt x="446481" y="1309954"/>
                  </a:cubicBezTo>
                  <a:cubicBezTo>
                    <a:pt x="481724" y="1322857"/>
                    <a:pt x="518351" y="1332903"/>
                    <a:pt x="556044" y="1339888"/>
                  </a:cubicBezTo>
                  <a:cubicBezTo>
                    <a:pt x="571767" y="1311427"/>
                    <a:pt x="600164" y="1290384"/>
                    <a:pt x="634949" y="1285469"/>
                  </a:cubicBezTo>
                  <a:cubicBezTo>
                    <a:pt x="683362" y="1278738"/>
                    <a:pt x="728663" y="1305573"/>
                    <a:pt x="747586" y="1348143"/>
                  </a:cubicBezTo>
                  <a:cubicBezTo>
                    <a:pt x="782218" y="1344790"/>
                    <a:pt x="816089" y="1338859"/>
                    <a:pt x="849020" y="1330541"/>
                  </a:cubicBezTo>
                  <a:cubicBezTo>
                    <a:pt x="839267" y="1315199"/>
                    <a:pt x="832434" y="1297699"/>
                    <a:pt x="829729" y="1278534"/>
                  </a:cubicBezTo>
                  <a:cubicBezTo>
                    <a:pt x="819544" y="1206640"/>
                    <a:pt x="869810" y="1140244"/>
                    <a:pt x="941870" y="1130071"/>
                  </a:cubicBezTo>
                  <a:cubicBezTo>
                    <a:pt x="1005992" y="1121169"/>
                    <a:pt x="1065555" y="1159789"/>
                    <a:pt x="1085152" y="1218870"/>
                  </a:cubicBezTo>
                  <a:cubicBezTo>
                    <a:pt x="1253211" y="1095096"/>
                    <a:pt x="1362240" y="896074"/>
                    <a:pt x="1362240" y="671627"/>
                  </a:cubicBezTo>
                </a:path>
              </a:pathLst>
            </a:custGeom>
            <a:solidFill>
              <a:srgbClr val="FFFFFF"/>
            </a:solidFill>
            <a:ln w="12700" cap="flat">
              <a:noFill/>
              <a:prstDash val="solid"/>
              <a:miter/>
            </a:ln>
          </p:spPr>
          <p:txBody>
            <a:bodyPr rtlCol="0" anchor="ctr"/>
            <a:lstStyle/>
            <a:p>
              <a:endParaRPr lang="da-DK"/>
            </a:p>
          </p:txBody>
        </p:sp>
        <p:sp>
          <p:nvSpPr>
            <p:cNvPr id="41" name="Kombinationstegning: figur 5">
              <a:extLst>
                <a:ext uri="{FF2B5EF4-FFF2-40B4-BE49-F238E27FC236}">
                  <a16:creationId xmlns:a16="http://schemas.microsoft.com/office/drawing/2014/main" id="{E2390177-FB9F-4E67-A120-4D1A364DA14E}"/>
                </a:ext>
              </a:extLst>
            </p:cNvPr>
            <p:cNvSpPr/>
            <p:nvPr/>
          </p:nvSpPr>
          <p:spPr>
            <a:xfrm>
              <a:off x="935138" y="5950288"/>
              <a:ext cx="116068" cy="121250"/>
            </a:xfrm>
            <a:custGeom>
              <a:avLst/>
              <a:gdLst>
                <a:gd name="connsiteX0" fmla="*/ 163195 w 177215"/>
                <a:gd name="connsiteY0" fmla="*/ 0 h 185127"/>
                <a:gd name="connsiteX1" fmla="*/ 172580 w 177215"/>
                <a:gd name="connsiteY1" fmla="*/ 3442 h 185127"/>
                <a:gd name="connsiteX2" fmla="*/ 176416 w 177215"/>
                <a:gd name="connsiteY2" fmla="*/ 12154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02 h 185127"/>
                <a:gd name="connsiteX7" fmla="*/ 26454 w 177215"/>
                <a:gd name="connsiteY7" fmla="*/ 36767 h 185127"/>
                <a:gd name="connsiteX8" fmla="*/ 26975 w 177215"/>
                <a:gd name="connsiteY8" fmla="*/ 66637 h 185127"/>
                <a:gd name="connsiteX9" fmla="*/ 29362 w 177215"/>
                <a:gd name="connsiteY9" fmla="*/ 76429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86 h 185127"/>
                <a:gd name="connsiteX24" fmla="*/ 150495 w 177215"/>
                <a:gd name="connsiteY24" fmla="*/ 148095 h 185127"/>
                <a:gd name="connsiteX25" fmla="*/ 150495 w 177215"/>
                <a:gd name="connsiteY25" fmla="*/ 117945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81 h 185127"/>
                <a:gd name="connsiteX31" fmla="*/ 2527 w 177215"/>
                <a:gd name="connsiteY31" fmla="*/ 89776 h 185127"/>
                <a:gd name="connsiteX32" fmla="*/ 533 w 177215"/>
                <a:gd name="connsiteY32" fmla="*/ 79870 h 185127"/>
                <a:gd name="connsiteX33" fmla="*/ 0 w 177215"/>
                <a:gd name="connsiteY33" fmla="*/ 25908 h 185127"/>
                <a:gd name="connsiteX34" fmla="*/ 7404 w 177215"/>
                <a:gd name="connsiteY34" fmla="*/ 7531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36"/>
                    <a:pt x="176416" y="12154"/>
                  </a:cubicBezTo>
                  <a:cubicBezTo>
                    <a:pt x="176416" y="15862"/>
                    <a:pt x="175133" y="18860"/>
                    <a:pt x="172580" y="21158"/>
                  </a:cubicBezTo>
                  <a:cubicBezTo>
                    <a:pt x="170015" y="23444"/>
                    <a:pt x="166891" y="24600"/>
                    <a:pt x="163195" y="24600"/>
                  </a:cubicBezTo>
                  <a:lnTo>
                    <a:pt x="38887" y="24600"/>
                  </a:lnTo>
                  <a:cubicBezTo>
                    <a:pt x="33782" y="24600"/>
                    <a:pt x="30429" y="25425"/>
                    <a:pt x="28842" y="27102"/>
                  </a:cubicBezTo>
                  <a:cubicBezTo>
                    <a:pt x="27254" y="28791"/>
                    <a:pt x="26454" y="32004"/>
                    <a:pt x="26454" y="36767"/>
                  </a:cubicBezTo>
                  <a:lnTo>
                    <a:pt x="26975" y="66637"/>
                  </a:lnTo>
                  <a:cubicBezTo>
                    <a:pt x="26975" y="71399"/>
                    <a:pt x="27775" y="74663"/>
                    <a:pt x="29362" y="76429"/>
                  </a:cubicBezTo>
                  <a:cubicBezTo>
                    <a:pt x="30950" y="78194"/>
                    <a:pt x="34303" y="79083"/>
                    <a:pt x="39421" y="79083"/>
                  </a:cubicBezTo>
                  <a:lnTo>
                    <a:pt x="151295" y="79083"/>
                  </a:lnTo>
                  <a:cubicBezTo>
                    <a:pt x="158521" y="79083"/>
                    <a:pt x="164643" y="81547"/>
                    <a:pt x="169672" y="86487"/>
                  </a:cubicBezTo>
                  <a:cubicBezTo>
                    <a:pt x="174689" y="91415"/>
                    <a:pt x="177216" y="97498"/>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86"/>
                  </a:cubicBezTo>
                  <a:cubicBezTo>
                    <a:pt x="149708" y="156121"/>
                    <a:pt x="150495" y="152870"/>
                    <a:pt x="150495" y="148095"/>
                  </a:cubicBezTo>
                  <a:lnTo>
                    <a:pt x="150495" y="117945"/>
                  </a:lnTo>
                  <a:cubicBezTo>
                    <a:pt x="150495" y="113005"/>
                    <a:pt x="149708" y="109715"/>
                    <a:pt x="148120" y="108039"/>
                  </a:cubicBezTo>
                  <a:cubicBezTo>
                    <a:pt x="146533" y="106363"/>
                    <a:pt x="143180" y="105524"/>
                    <a:pt x="138062" y="105524"/>
                  </a:cubicBezTo>
                  <a:lnTo>
                    <a:pt x="26187" y="105524"/>
                  </a:lnTo>
                  <a:cubicBezTo>
                    <a:pt x="22670" y="105524"/>
                    <a:pt x="19355" y="104864"/>
                    <a:pt x="16281" y="103530"/>
                  </a:cubicBezTo>
                  <a:cubicBezTo>
                    <a:pt x="13183" y="102210"/>
                    <a:pt x="10465" y="100355"/>
                    <a:pt x="8077" y="97981"/>
                  </a:cubicBezTo>
                  <a:cubicBezTo>
                    <a:pt x="5702" y="95593"/>
                    <a:pt x="3848" y="92862"/>
                    <a:pt x="2527" y="89776"/>
                  </a:cubicBezTo>
                  <a:cubicBezTo>
                    <a:pt x="1194" y="86703"/>
                    <a:pt x="533" y="83388"/>
                    <a:pt x="533" y="79870"/>
                  </a:cubicBezTo>
                  <a:lnTo>
                    <a:pt x="0" y="25908"/>
                  </a:lnTo>
                  <a:cubicBezTo>
                    <a:pt x="0" y="18694"/>
                    <a:pt x="2477" y="12548"/>
                    <a:pt x="7404" y="7531"/>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43" name="Kombinationstegning: figur 9">
              <a:extLst>
                <a:ext uri="{FF2B5EF4-FFF2-40B4-BE49-F238E27FC236}">
                  <a16:creationId xmlns:a16="http://schemas.microsoft.com/office/drawing/2014/main" id="{6428B890-FAE0-47D6-B911-FF0452E84195}"/>
                </a:ext>
              </a:extLst>
            </p:cNvPr>
            <p:cNvSpPr/>
            <p:nvPr/>
          </p:nvSpPr>
          <p:spPr>
            <a:xfrm>
              <a:off x="1096063" y="5950454"/>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44" name="Kombinationstegning: figur 10">
              <a:extLst>
                <a:ext uri="{FF2B5EF4-FFF2-40B4-BE49-F238E27FC236}">
                  <a16:creationId xmlns:a16="http://schemas.microsoft.com/office/drawing/2014/main" id="{D3FAC184-2020-4FA7-A06A-2273E8C87043}"/>
                </a:ext>
              </a:extLst>
            </p:cNvPr>
            <p:cNvSpPr/>
            <p:nvPr/>
          </p:nvSpPr>
          <p:spPr>
            <a:xfrm>
              <a:off x="1271707" y="5950288"/>
              <a:ext cx="112425" cy="121425"/>
            </a:xfrm>
            <a:custGeom>
              <a:avLst/>
              <a:gdLst>
                <a:gd name="connsiteX0" fmla="*/ 152083 w 171653"/>
                <a:gd name="connsiteY0" fmla="*/ 80924 h 185394"/>
                <a:gd name="connsiteX1" fmla="*/ 161468 w 171653"/>
                <a:gd name="connsiteY1" fmla="*/ 84226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56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26"/>
                  </a:cubicBezTo>
                  <a:cubicBezTo>
                    <a:pt x="164021" y="86436"/>
                    <a:pt x="165303" y="89383"/>
                    <a:pt x="165303" y="93091"/>
                  </a:cubicBezTo>
                  <a:cubicBezTo>
                    <a:pt x="165303" y="96609"/>
                    <a:pt x="164021" y="99441"/>
                    <a:pt x="161468" y="101549"/>
                  </a:cubicBezTo>
                  <a:cubicBezTo>
                    <a:pt x="158902" y="103670"/>
                    <a:pt x="155778" y="104724"/>
                    <a:pt x="152083" y="104724"/>
                  </a:cubicBezTo>
                  <a:lnTo>
                    <a:pt x="29616" y="104724"/>
                  </a:lnTo>
                  <a:cubicBezTo>
                    <a:pt x="27686" y="104724"/>
                    <a:pt x="26721" y="105778"/>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56"/>
                  </a:cubicBezTo>
                  <a:cubicBezTo>
                    <a:pt x="170332" y="5944"/>
                    <a:pt x="171653" y="8992"/>
                    <a:pt x="171653" y="12687"/>
                  </a:cubicBezTo>
                  <a:cubicBezTo>
                    <a:pt x="171653" y="16396"/>
                    <a:pt x="170332" y="19342"/>
                    <a:pt x="167691" y="21552"/>
                  </a:cubicBezTo>
                  <a:cubicBezTo>
                    <a:pt x="165049" y="23749"/>
                    <a:pt x="161950" y="24854"/>
                    <a:pt x="158420" y="24854"/>
                  </a:cubicBezTo>
                  <a:lnTo>
                    <a:pt x="29616" y="24854"/>
                  </a:lnTo>
                  <a:cubicBezTo>
                    <a:pt x="27686" y="24854"/>
                    <a:pt x="26721" y="25908"/>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45" name="Kombinationstegning: figur 11">
              <a:extLst>
                <a:ext uri="{FF2B5EF4-FFF2-40B4-BE49-F238E27FC236}">
                  <a16:creationId xmlns:a16="http://schemas.microsoft.com/office/drawing/2014/main" id="{254BCC83-A857-4242-B7C0-8FDCA0585AB6}"/>
                </a:ext>
              </a:extLst>
            </p:cNvPr>
            <p:cNvSpPr/>
            <p:nvPr/>
          </p:nvSpPr>
          <p:spPr>
            <a:xfrm>
              <a:off x="1453069" y="5947684"/>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02 h 193332"/>
                <a:gd name="connsiteX19" fmla="*/ 29616 w 181965"/>
                <a:gd name="connsiteY19" fmla="*/ 26708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31 h 193332"/>
                <a:gd name="connsiteX29" fmla="*/ 12967 w 181965"/>
                <a:gd name="connsiteY29" fmla="*/ 3975 h 193332"/>
                <a:gd name="connsiteX30" fmla="*/ 44437 w 181965"/>
                <a:gd name="connsiteY30" fmla="*/ 3975 h 193332"/>
                <a:gd name="connsiteX31" fmla="*/ 50914 w 181965"/>
                <a:gd name="connsiteY31" fmla="*/ 5550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32"/>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21"/>
                    <a:pt x="165037" y="0"/>
                    <a:pt x="168745" y="0"/>
                  </a:cubicBezTo>
                  <a:cubicBezTo>
                    <a:pt x="172441" y="0"/>
                    <a:pt x="175578" y="1321"/>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07"/>
                    <a:pt x="33109" y="27381"/>
                    <a:pt x="32664" y="27102"/>
                  </a:cubicBezTo>
                  <a:cubicBezTo>
                    <a:pt x="32233" y="26848"/>
                    <a:pt x="31204" y="26708"/>
                    <a:pt x="29616" y="26708"/>
                  </a:cubicBezTo>
                  <a:cubicBezTo>
                    <a:pt x="28384" y="26708"/>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31"/>
                  </a:cubicBezTo>
                  <a:cubicBezTo>
                    <a:pt x="5740" y="5423"/>
                    <a:pt x="8903" y="3975"/>
                    <a:pt x="12967" y="3975"/>
                  </a:cubicBezTo>
                  <a:lnTo>
                    <a:pt x="44437" y="3975"/>
                  </a:lnTo>
                  <a:cubicBezTo>
                    <a:pt x="46901" y="3975"/>
                    <a:pt x="49060" y="4496"/>
                    <a:pt x="50914" y="5550"/>
                  </a:cubicBezTo>
                  <a:cubicBezTo>
                    <a:pt x="52768" y="6617"/>
                    <a:pt x="54572" y="8547"/>
                    <a:pt x="56337" y="11379"/>
                  </a:cubicBezTo>
                </a:path>
              </a:pathLst>
            </a:custGeom>
            <a:solidFill>
              <a:srgbClr val="FFFFFF"/>
            </a:solidFill>
            <a:ln w="12700" cap="flat">
              <a:noFill/>
              <a:prstDash val="solid"/>
              <a:miter/>
            </a:ln>
          </p:spPr>
          <p:txBody>
            <a:bodyPr rtlCol="0" anchor="ctr"/>
            <a:lstStyle/>
            <a:p>
              <a:endParaRPr lang="da-DK"/>
            </a:p>
          </p:txBody>
        </p:sp>
        <p:sp>
          <p:nvSpPr>
            <p:cNvPr id="46" name="Kombinationstegning: figur 12">
              <a:extLst>
                <a:ext uri="{FF2B5EF4-FFF2-40B4-BE49-F238E27FC236}">
                  <a16:creationId xmlns:a16="http://schemas.microsoft.com/office/drawing/2014/main" id="{A1BC4212-1DF8-4E3F-B033-0E7C745AFFDE}"/>
                </a:ext>
              </a:extLst>
            </p:cNvPr>
            <p:cNvSpPr/>
            <p:nvPr/>
          </p:nvSpPr>
          <p:spPr>
            <a:xfrm>
              <a:off x="1643435" y="5950105"/>
              <a:ext cx="121425" cy="121608"/>
            </a:xfrm>
            <a:custGeom>
              <a:avLst/>
              <a:gdLst>
                <a:gd name="connsiteX0" fmla="*/ 39141 w 185394"/>
                <a:gd name="connsiteY0" fmla="*/ 24600 h 185673"/>
                <a:gd name="connsiteX1" fmla="*/ 28956 w 185394"/>
                <a:gd name="connsiteY1" fmla="*/ 26975 h 185673"/>
                <a:gd name="connsiteX2" fmla="*/ 26441 w 185394"/>
                <a:gd name="connsiteY2" fmla="*/ 37033 h 185673"/>
                <a:gd name="connsiteX3" fmla="*/ 26441 w 185394"/>
                <a:gd name="connsiteY3" fmla="*/ 148654 h 185673"/>
                <a:gd name="connsiteX4" fmla="*/ 29096 w 185394"/>
                <a:gd name="connsiteY4" fmla="*/ 158699 h 185673"/>
                <a:gd name="connsiteX5" fmla="*/ 39675 w 185394"/>
                <a:gd name="connsiteY5" fmla="*/ 161074 h 185673"/>
                <a:gd name="connsiteX6" fmla="*/ 146787 w 185394"/>
                <a:gd name="connsiteY6" fmla="*/ 161074 h 185673"/>
                <a:gd name="connsiteX7" fmla="*/ 156705 w 185394"/>
                <a:gd name="connsiteY7" fmla="*/ 158699 h 185673"/>
                <a:gd name="connsiteX8" fmla="*/ 158953 w 185394"/>
                <a:gd name="connsiteY8" fmla="*/ 148654 h 185673"/>
                <a:gd name="connsiteX9" fmla="*/ 158953 w 185394"/>
                <a:gd name="connsiteY9" fmla="*/ 37033 h 185673"/>
                <a:gd name="connsiteX10" fmla="*/ 156566 w 185394"/>
                <a:gd name="connsiteY10" fmla="*/ 26975 h 185673"/>
                <a:gd name="connsiteX11" fmla="*/ 146520 w 185394"/>
                <a:gd name="connsiteY11" fmla="*/ 24600 h 185673"/>
                <a:gd name="connsiteX12" fmla="*/ 159741 w 185394"/>
                <a:gd name="connsiteY12" fmla="*/ 0 h 185673"/>
                <a:gd name="connsiteX13" fmla="*/ 177990 w 185394"/>
                <a:gd name="connsiteY13" fmla="*/ 7544 h 185673"/>
                <a:gd name="connsiteX14" fmla="*/ 185395 w 185394"/>
                <a:gd name="connsiteY14" fmla="*/ 25921 h 185673"/>
                <a:gd name="connsiteX15" fmla="*/ 185395 w 185394"/>
                <a:gd name="connsiteY15" fmla="*/ 159753 h 185673"/>
                <a:gd name="connsiteX16" fmla="*/ 177990 w 185394"/>
                <a:gd name="connsiteY16" fmla="*/ 178143 h 185673"/>
                <a:gd name="connsiteX17" fmla="*/ 159741 w 185394"/>
                <a:gd name="connsiteY17" fmla="*/ 185674 h 185673"/>
                <a:gd name="connsiteX18" fmla="*/ 25654 w 185394"/>
                <a:gd name="connsiteY18" fmla="*/ 185674 h 185673"/>
                <a:gd name="connsiteX19" fmla="*/ 15735 w 185394"/>
                <a:gd name="connsiteY19" fmla="*/ 183680 h 185673"/>
                <a:gd name="connsiteX20" fmla="*/ 7544 w 185394"/>
                <a:gd name="connsiteY20" fmla="*/ 178143 h 185673"/>
                <a:gd name="connsiteX21" fmla="*/ 1981 w 185394"/>
                <a:gd name="connsiteY21" fmla="*/ 169812 h 185673"/>
                <a:gd name="connsiteX22" fmla="*/ 0 w 185394"/>
                <a:gd name="connsiteY22" fmla="*/ 159753 h 185673"/>
                <a:gd name="connsiteX23" fmla="*/ 0 w 185394"/>
                <a:gd name="connsiteY23" fmla="*/ 25921 h 185673"/>
                <a:gd name="connsiteX24" fmla="*/ 1981 w 185394"/>
                <a:gd name="connsiteY24" fmla="*/ 15875 h 185673"/>
                <a:gd name="connsiteX25" fmla="*/ 7544 w 185394"/>
                <a:gd name="connsiteY25" fmla="*/ 7544 h 185673"/>
                <a:gd name="connsiteX26" fmla="*/ 15735 w 185394"/>
                <a:gd name="connsiteY26" fmla="*/ 1994 h 185673"/>
                <a:gd name="connsiteX27" fmla="*/ 25654 w 185394"/>
                <a:gd name="connsiteY27" fmla="*/ 0 h 1856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85394" h="185673">
                  <a:moveTo>
                    <a:pt x="39141" y="24600"/>
                  </a:moveTo>
                  <a:cubicBezTo>
                    <a:pt x="34023" y="24600"/>
                    <a:pt x="30632" y="25387"/>
                    <a:pt x="28956" y="26975"/>
                  </a:cubicBezTo>
                  <a:cubicBezTo>
                    <a:pt x="27280" y="28562"/>
                    <a:pt x="26441" y="31928"/>
                    <a:pt x="26441" y="37033"/>
                  </a:cubicBezTo>
                  <a:lnTo>
                    <a:pt x="26441" y="148654"/>
                  </a:lnTo>
                  <a:cubicBezTo>
                    <a:pt x="26441" y="153772"/>
                    <a:pt x="27318" y="157124"/>
                    <a:pt x="29096" y="158699"/>
                  </a:cubicBezTo>
                  <a:cubicBezTo>
                    <a:pt x="30848" y="160287"/>
                    <a:pt x="34379" y="161074"/>
                    <a:pt x="39675" y="161074"/>
                  </a:cubicBezTo>
                  <a:lnTo>
                    <a:pt x="146787" y="161074"/>
                  </a:lnTo>
                  <a:cubicBezTo>
                    <a:pt x="151892" y="161074"/>
                    <a:pt x="155207" y="160287"/>
                    <a:pt x="156705" y="158699"/>
                  </a:cubicBezTo>
                  <a:cubicBezTo>
                    <a:pt x="158191" y="157124"/>
                    <a:pt x="158953" y="153772"/>
                    <a:pt x="158953" y="148654"/>
                  </a:cubicBezTo>
                  <a:lnTo>
                    <a:pt x="158953" y="37033"/>
                  </a:lnTo>
                  <a:cubicBezTo>
                    <a:pt x="158953" y="31928"/>
                    <a:pt x="158153" y="28562"/>
                    <a:pt x="156566" y="26975"/>
                  </a:cubicBezTo>
                  <a:cubicBezTo>
                    <a:pt x="154978" y="25387"/>
                    <a:pt x="151625" y="24600"/>
                    <a:pt x="146520" y="24600"/>
                  </a:cubicBezTo>
                  <a:close/>
                  <a:moveTo>
                    <a:pt x="159741" y="0"/>
                  </a:moveTo>
                  <a:cubicBezTo>
                    <a:pt x="166967" y="0"/>
                    <a:pt x="173050" y="2527"/>
                    <a:pt x="177990" y="7544"/>
                  </a:cubicBezTo>
                  <a:cubicBezTo>
                    <a:pt x="182918" y="12573"/>
                    <a:pt x="185395" y="18694"/>
                    <a:pt x="185395" y="25921"/>
                  </a:cubicBezTo>
                  <a:lnTo>
                    <a:pt x="185395" y="159753"/>
                  </a:lnTo>
                  <a:cubicBezTo>
                    <a:pt x="185395" y="166992"/>
                    <a:pt x="182918" y="173101"/>
                    <a:pt x="177990" y="178143"/>
                  </a:cubicBezTo>
                  <a:cubicBezTo>
                    <a:pt x="173050" y="183159"/>
                    <a:pt x="166967" y="185674"/>
                    <a:pt x="159741" y="185674"/>
                  </a:cubicBezTo>
                  <a:lnTo>
                    <a:pt x="25654" y="185674"/>
                  </a:lnTo>
                  <a:cubicBezTo>
                    <a:pt x="22123" y="185674"/>
                    <a:pt x="18809" y="185014"/>
                    <a:pt x="15735" y="183680"/>
                  </a:cubicBezTo>
                  <a:cubicBezTo>
                    <a:pt x="12649" y="182372"/>
                    <a:pt x="9906" y="180505"/>
                    <a:pt x="7544" y="178143"/>
                  </a:cubicBezTo>
                  <a:cubicBezTo>
                    <a:pt x="5156" y="175755"/>
                    <a:pt x="3302" y="172987"/>
                    <a:pt x="1981" y="169812"/>
                  </a:cubicBezTo>
                  <a:cubicBezTo>
                    <a:pt x="660" y="166637"/>
                    <a:pt x="0" y="163284"/>
                    <a:pt x="0" y="159753"/>
                  </a:cubicBezTo>
                  <a:lnTo>
                    <a:pt x="0" y="25921"/>
                  </a:lnTo>
                  <a:cubicBezTo>
                    <a:pt x="0" y="22403"/>
                    <a:pt x="660" y="19050"/>
                    <a:pt x="1981" y="15875"/>
                  </a:cubicBezTo>
                  <a:cubicBezTo>
                    <a:pt x="3302" y="12700"/>
                    <a:pt x="5156" y="9931"/>
                    <a:pt x="7544" y="7544"/>
                  </a:cubicBezTo>
                  <a:cubicBezTo>
                    <a:pt x="9906" y="5169"/>
                    <a:pt x="12649" y="3315"/>
                    <a:pt x="15735" y="1994"/>
                  </a:cubicBezTo>
                  <a:cubicBezTo>
                    <a:pt x="18809" y="673"/>
                    <a:pt x="22123" y="0"/>
                    <a:pt x="25654" y="0"/>
                  </a:cubicBezTo>
                  <a:close/>
                </a:path>
              </a:pathLst>
            </a:custGeom>
            <a:solidFill>
              <a:srgbClr val="FFFFFF"/>
            </a:solidFill>
            <a:ln w="12700" cap="flat">
              <a:noFill/>
              <a:prstDash val="solid"/>
              <a:miter/>
            </a:ln>
          </p:spPr>
          <p:txBody>
            <a:bodyPr rtlCol="0" anchor="ctr"/>
            <a:lstStyle/>
            <a:p>
              <a:endParaRPr lang="da-DK"/>
            </a:p>
          </p:txBody>
        </p:sp>
        <p:sp>
          <p:nvSpPr>
            <p:cNvPr id="47" name="Kombinationstegning: figur 13">
              <a:extLst>
                <a:ext uri="{FF2B5EF4-FFF2-40B4-BE49-F238E27FC236}">
                  <a16:creationId xmlns:a16="http://schemas.microsoft.com/office/drawing/2014/main" id="{1AAAA3DE-8622-4363-A90C-ADC136EB038E}"/>
                </a:ext>
              </a:extLst>
            </p:cNvPr>
            <p:cNvSpPr/>
            <p:nvPr/>
          </p:nvSpPr>
          <p:spPr>
            <a:xfrm>
              <a:off x="720000" y="6172627"/>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sp>
          <p:nvSpPr>
            <p:cNvPr id="48" name="Kombinationstegning: figur 14">
              <a:extLst>
                <a:ext uri="{FF2B5EF4-FFF2-40B4-BE49-F238E27FC236}">
                  <a16:creationId xmlns:a16="http://schemas.microsoft.com/office/drawing/2014/main" id="{313AE3CF-4ED8-4747-B8D1-06EC8823DBFB}"/>
                </a:ext>
              </a:extLst>
            </p:cNvPr>
            <p:cNvSpPr/>
            <p:nvPr/>
          </p:nvSpPr>
          <p:spPr>
            <a:xfrm>
              <a:off x="909333" y="6170035"/>
              <a:ext cx="17318" cy="126449"/>
            </a:xfrm>
            <a:custGeom>
              <a:avLst/>
              <a:gdLst>
                <a:gd name="connsiteX0" fmla="*/ 3835 w 26441"/>
                <a:gd name="connsiteY0" fmla="*/ 3962 h 193065"/>
                <a:gd name="connsiteX1" fmla="*/ 13221 w 26441"/>
                <a:gd name="connsiteY1" fmla="*/ 0 h 193065"/>
                <a:gd name="connsiteX2" fmla="*/ 22492 w 26441"/>
                <a:gd name="connsiteY2" fmla="*/ 3962 h 193065"/>
                <a:gd name="connsiteX3" fmla="*/ 26441 w 26441"/>
                <a:gd name="connsiteY3" fmla="*/ 13221 h 193065"/>
                <a:gd name="connsiteX4" fmla="*/ 26441 w 26441"/>
                <a:gd name="connsiteY4" fmla="*/ 179845 h 193065"/>
                <a:gd name="connsiteX5" fmla="*/ 22492 w 26441"/>
                <a:gd name="connsiteY5" fmla="*/ 189090 h 193065"/>
                <a:gd name="connsiteX6" fmla="*/ 13221 w 26441"/>
                <a:gd name="connsiteY6" fmla="*/ 193065 h 193065"/>
                <a:gd name="connsiteX7" fmla="*/ 3835 w 26441"/>
                <a:gd name="connsiteY7" fmla="*/ 189090 h 193065"/>
                <a:gd name="connsiteX8" fmla="*/ 0 w 26441"/>
                <a:gd name="connsiteY8" fmla="*/ 179845 h 193065"/>
                <a:gd name="connsiteX9" fmla="*/ 0 w 26441"/>
                <a:gd name="connsiteY9" fmla="*/ 13221 h 193065"/>
                <a:gd name="connsiteX10" fmla="*/ 3835 w 26441"/>
                <a:gd name="connsiteY10" fmla="*/ 3962 h 1930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441" h="193065">
                  <a:moveTo>
                    <a:pt x="3835" y="3962"/>
                  </a:moveTo>
                  <a:cubicBezTo>
                    <a:pt x="6388" y="1321"/>
                    <a:pt x="9525" y="0"/>
                    <a:pt x="13221" y="0"/>
                  </a:cubicBezTo>
                  <a:cubicBezTo>
                    <a:pt x="16751" y="0"/>
                    <a:pt x="19837" y="1321"/>
                    <a:pt x="22492" y="3962"/>
                  </a:cubicBezTo>
                  <a:cubicBezTo>
                    <a:pt x="25133" y="6604"/>
                    <a:pt x="26441" y="9690"/>
                    <a:pt x="26441" y="13221"/>
                  </a:cubicBezTo>
                  <a:lnTo>
                    <a:pt x="26441" y="179845"/>
                  </a:lnTo>
                  <a:cubicBezTo>
                    <a:pt x="26441" y="183363"/>
                    <a:pt x="25133" y="186449"/>
                    <a:pt x="22492" y="189090"/>
                  </a:cubicBezTo>
                  <a:cubicBezTo>
                    <a:pt x="19837" y="191732"/>
                    <a:pt x="16751" y="193065"/>
                    <a:pt x="13221" y="193065"/>
                  </a:cubicBezTo>
                  <a:cubicBezTo>
                    <a:pt x="9525" y="193065"/>
                    <a:pt x="6388" y="191732"/>
                    <a:pt x="3835" y="189090"/>
                  </a:cubicBezTo>
                  <a:cubicBezTo>
                    <a:pt x="1283" y="186449"/>
                    <a:pt x="0" y="183363"/>
                    <a:pt x="0" y="179845"/>
                  </a:cubicBezTo>
                  <a:lnTo>
                    <a:pt x="0" y="13221"/>
                  </a:lnTo>
                  <a:cubicBezTo>
                    <a:pt x="0" y="9690"/>
                    <a:pt x="1283" y="6604"/>
                    <a:pt x="3835" y="3962"/>
                  </a:cubicBezTo>
                </a:path>
              </a:pathLst>
            </a:custGeom>
            <a:solidFill>
              <a:srgbClr val="FFFFFF"/>
            </a:solidFill>
            <a:ln w="12700" cap="flat">
              <a:noFill/>
              <a:prstDash val="solid"/>
              <a:miter/>
            </a:ln>
          </p:spPr>
          <p:txBody>
            <a:bodyPr rtlCol="0" anchor="ctr"/>
            <a:lstStyle/>
            <a:p>
              <a:endParaRPr lang="da-DK"/>
            </a:p>
          </p:txBody>
        </p:sp>
        <p:sp>
          <p:nvSpPr>
            <p:cNvPr id="50" name="Kombinationstegning: figur 15">
              <a:extLst>
                <a:ext uri="{FF2B5EF4-FFF2-40B4-BE49-F238E27FC236}">
                  <a16:creationId xmlns:a16="http://schemas.microsoft.com/office/drawing/2014/main" id="{73B0F4A7-35A5-426A-B96B-F7A53FDD80FE}"/>
                </a:ext>
              </a:extLst>
            </p:cNvPr>
            <p:cNvSpPr/>
            <p:nvPr/>
          </p:nvSpPr>
          <p:spPr>
            <a:xfrm>
              <a:off x="983604" y="6172631"/>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51" name="Kombinationstegning: figur 16">
              <a:extLst>
                <a:ext uri="{FF2B5EF4-FFF2-40B4-BE49-F238E27FC236}">
                  <a16:creationId xmlns:a16="http://schemas.microsoft.com/office/drawing/2014/main" id="{1B78E339-689F-45F5-AA92-284D816AFAD2}"/>
                </a:ext>
              </a:extLst>
            </p:cNvPr>
            <p:cNvSpPr/>
            <p:nvPr/>
          </p:nvSpPr>
          <p:spPr>
            <a:xfrm>
              <a:off x="1174008" y="6172631"/>
              <a:ext cx="116576" cy="121250"/>
            </a:xfrm>
            <a:custGeom>
              <a:avLst/>
              <a:gdLst>
                <a:gd name="connsiteX0" fmla="*/ 139637 w 177990"/>
                <a:gd name="connsiteY0" fmla="*/ 102616 h 185127"/>
                <a:gd name="connsiteX1" fmla="*/ 29350 w 177990"/>
                <a:gd name="connsiteY1" fmla="*/ 102616 h 185127"/>
                <a:gd name="connsiteX2" fmla="*/ 26708 w 177990"/>
                <a:gd name="connsiteY2" fmla="*/ 103137 h 185127"/>
                <a:gd name="connsiteX3" fmla="*/ 26175 w 177990"/>
                <a:gd name="connsiteY3" fmla="*/ 105791 h 185127"/>
                <a:gd name="connsiteX4" fmla="*/ 26175 w 177990"/>
                <a:gd name="connsiteY4" fmla="*/ 157899 h 185127"/>
                <a:gd name="connsiteX5" fmla="*/ 26708 w 177990"/>
                <a:gd name="connsiteY5" fmla="*/ 160261 h 185127"/>
                <a:gd name="connsiteX6" fmla="*/ 29350 w 177990"/>
                <a:gd name="connsiteY6" fmla="*/ 160795 h 185127"/>
                <a:gd name="connsiteX7" fmla="*/ 139637 w 177990"/>
                <a:gd name="connsiteY7" fmla="*/ 160795 h 185127"/>
                <a:gd name="connsiteX8" fmla="*/ 149301 w 177990"/>
                <a:gd name="connsiteY8" fmla="*/ 158420 h 185127"/>
                <a:gd name="connsiteX9" fmla="*/ 151803 w 177990"/>
                <a:gd name="connsiteY9" fmla="*/ 148628 h 185127"/>
                <a:gd name="connsiteX10" fmla="*/ 151803 w 177990"/>
                <a:gd name="connsiteY10" fmla="*/ 114783 h 185127"/>
                <a:gd name="connsiteX11" fmla="*/ 149428 w 177990"/>
                <a:gd name="connsiteY11" fmla="*/ 104864 h 185127"/>
                <a:gd name="connsiteX12" fmla="*/ 139637 w 177990"/>
                <a:gd name="connsiteY12" fmla="*/ 102616 h 185127"/>
                <a:gd name="connsiteX13" fmla="*/ 139637 w 177990"/>
                <a:gd name="connsiteY13" fmla="*/ 78283 h 185127"/>
                <a:gd name="connsiteX14" fmla="*/ 149428 w 177990"/>
                <a:gd name="connsiteY14" fmla="*/ 76035 h 185127"/>
                <a:gd name="connsiteX15" fmla="*/ 151803 w 177990"/>
                <a:gd name="connsiteY15" fmla="*/ 66116 h 185127"/>
                <a:gd name="connsiteX16" fmla="*/ 151803 w 177990"/>
                <a:gd name="connsiteY16" fmla="*/ 36500 h 185127"/>
                <a:gd name="connsiteX17" fmla="*/ 149301 w 177990"/>
                <a:gd name="connsiteY17" fmla="*/ 26581 h 185127"/>
                <a:gd name="connsiteX18" fmla="*/ 139637 w 177990"/>
                <a:gd name="connsiteY18" fmla="*/ 24054 h 185127"/>
                <a:gd name="connsiteX19" fmla="*/ 29350 w 177990"/>
                <a:gd name="connsiteY19" fmla="*/ 24054 h 185127"/>
                <a:gd name="connsiteX20" fmla="*/ 26708 w 177990"/>
                <a:gd name="connsiteY20" fmla="*/ 24587 h 185127"/>
                <a:gd name="connsiteX21" fmla="*/ 26175 w 177990"/>
                <a:gd name="connsiteY21" fmla="*/ 27229 h 185127"/>
                <a:gd name="connsiteX22" fmla="*/ 26175 w 177990"/>
                <a:gd name="connsiteY22" fmla="*/ 75362 h 185127"/>
                <a:gd name="connsiteX23" fmla="*/ 26708 w 177990"/>
                <a:gd name="connsiteY23" fmla="*/ 77749 h 185127"/>
                <a:gd name="connsiteX24" fmla="*/ 29350 w 177990"/>
                <a:gd name="connsiteY24" fmla="*/ 78283 h 185127"/>
                <a:gd name="connsiteX25" fmla="*/ 177991 w 177990"/>
                <a:gd name="connsiteY25" fmla="*/ 121920 h 185127"/>
                <a:gd name="connsiteX26" fmla="*/ 177991 w 177990"/>
                <a:gd name="connsiteY26" fmla="*/ 153657 h 185127"/>
                <a:gd name="connsiteX27" fmla="*/ 170713 w 177990"/>
                <a:gd name="connsiteY27" fmla="*/ 177724 h 185127"/>
                <a:gd name="connsiteX28" fmla="*/ 146774 w 177990"/>
                <a:gd name="connsiteY28" fmla="*/ 185128 h 185127"/>
                <a:gd name="connsiteX29" fmla="*/ 4229 w 177990"/>
                <a:gd name="connsiteY29" fmla="*/ 185128 h 185127"/>
                <a:gd name="connsiteX30" fmla="*/ 0 w 177990"/>
                <a:gd name="connsiteY30" fmla="*/ 180899 h 185127"/>
                <a:gd name="connsiteX31" fmla="*/ 0 w 177990"/>
                <a:gd name="connsiteY31" fmla="*/ 4229 h 185127"/>
                <a:gd name="connsiteX32" fmla="*/ 4229 w 177990"/>
                <a:gd name="connsiteY32" fmla="*/ 0 h 185127"/>
                <a:gd name="connsiteX33" fmla="*/ 146774 w 177990"/>
                <a:gd name="connsiteY33" fmla="*/ 0 h 185127"/>
                <a:gd name="connsiteX34" fmla="*/ 170713 w 177990"/>
                <a:gd name="connsiteY34" fmla="*/ 7404 h 185127"/>
                <a:gd name="connsiteX35" fmla="*/ 177991 w 177990"/>
                <a:gd name="connsiteY35" fmla="*/ 31458 h 185127"/>
                <a:gd name="connsiteX36" fmla="*/ 177991 w 177990"/>
                <a:gd name="connsiteY36" fmla="*/ 58966 h 185127"/>
                <a:gd name="connsiteX37" fmla="*/ 170713 w 177990"/>
                <a:gd name="connsiteY37" fmla="*/ 83045 h 185127"/>
                <a:gd name="connsiteX38" fmla="*/ 146774 w 177990"/>
                <a:gd name="connsiteY38" fmla="*/ 90449 h 185127"/>
                <a:gd name="connsiteX39" fmla="*/ 170713 w 177990"/>
                <a:gd name="connsiteY39" fmla="*/ 97854 h 185127"/>
                <a:gd name="connsiteX40" fmla="*/ 177991 w 177990"/>
                <a:gd name="connsiteY40" fmla="*/ 12192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77990" h="185127">
                  <a:moveTo>
                    <a:pt x="139637" y="102616"/>
                  </a:moveTo>
                  <a:lnTo>
                    <a:pt x="29350" y="102616"/>
                  </a:lnTo>
                  <a:cubicBezTo>
                    <a:pt x="27940" y="102616"/>
                    <a:pt x="27064" y="102794"/>
                    <a:pt x="26708" y="103137"/>
                  </a:cubicBezTo>
                  <a:cubicBezTo>
                    <a:pt x="26352" y="103492"/>
                    <a:pt x="26175" y="104381"/>
                    <a:pt x="26175" y="105791"/>
                  </a:cubicBezTo>
                  <a:lnTo>
                    <a:pt x="26175" y="157899"/>
                  </a:lnTo>
                  <a:cubicBezTo>
                    <a:pt x="26175" y="159118"/>
                    <a:pt x="26352" y="159918"/>
                    <a:pt x="26708" y="160261"/>
                  </a:cubicBezTo>
                  <a:cubicBezTo>
                    <a:pt x="27064" y="160617"/>
                    <a:pt x="27940" y="160795"/>
                    <a:pt x="29350" y="160795"/>
                  </a:cubicBezTo>
                  <a:lnTo>
                    <a:pt x="139637" y="160795"/>
                  </a:lnTo>
                  <a:cubicBezTo>
                    <a:pt x="144399" y="160795"/>
                    <a:pt x="147612" y="160007"/>
                    <a:pt x="149301" y="158420"/>
                  </a:cubicBezTo>
                  <a:cubicBezTo>
                    <a:pt x="150978" y="156832"/>
                    <a:pt x="151803" y="153568"/>
                    <a:pt x="151803" y="148628"/>
                  </a:cubicBezTo>
                  <a:lnTo>
                    <a:pt x="151803" y="114783"/>
                  </a:lnTo>
                  <a:cubicBezTo>
                    <a:pt x="151803" y="109665"/>
                    <a:pt x="151016" y="106363"/>
                    <a:pt x="149428" y="104864"/>
                  </a:cubicBezTo>
                  <a:cubicBezTo>
                    <a:pt x="147841" y="103365"/>
                    <a:pt x="144577" y="102616"/>
                    <a:pt x="139637" y="102616"/>
                  </a:cubicBezTo>
                  <a:moveTo>
                    <a:pt x="139637" y="78283"/>
                  </a:moveTo>
                  <a:cubicBezTo>
                    <a:pt x="144577" y="78283"/>
                    <a:pt x="147841" y="77534"/>
                    <a:pt x="149428" y="76035"/>
                  </a:cubicBezTo>
                  <a:cubicBezTo>
                    <a:pt x="151016" y="74536"/>
                    <a:pt x="151803" y="71222"/>
                    <a:pt x="151803" y="66116"/>
                  </a:cubicBezTo>
                  <a:lnTo>
                    <a:pt x="151803" y="36500"/>
                  </a:lnTo>
                  <a:cubicBezTo>
                    <a:pt x="151803" y="31560"/>
                    <a:pt x="150978" y="28257"/>
                    <a:pt x="149301" y="26581"/>
                  </a:cubicBezTo>
                  <a:cubicBezTo>
                    <a:pt x="147612" y="24905"/>
                    <a:pt x="144399" y="24054"/>
                    <a:pt x="139637" y="24054"/>
                  </a:cubicBezTo>
                  <a:lnTo>
                    <a:pt x="29350" y="24054"/>
                  </a:lnTo>
                  <a:cubicBezTo>
                    <a:pt x="27940" y="24054"/>
                    <a:pt x="27064" y="24244"/>
                    <a:pt x="26708" y="24587"/>
                  </a:cubicBezTo>
                  <a:cubicBezTo>
                    <a:pt x="26352" y="24956"/>
                    <a:pt x="26175" y="25832"/>
                    <a:pt x="26175" y="27229"/>
                  </a:cubicBezTo>
                  <a:lnTo>
                    <a:pt x="26175" y="75362"/>
                  </a:lnTo>
                  <a:cubicBezTo>
                    <a:pt x="26175" y="76606"/>
                    <a:pt x="26352" y="77407"/>
                    <a:pt x="26708" y="77749"/>
                  </a:cubicBezTo>
                  <a:cubicBezTo>
                    <a:pt x="27064" y="78105"/>
                    <a:pt x="27940" y="78283"/>
                    <a:pt x="29350" y="78283"/>
                  </a:cubicBezTo>
                  <a:close/>
                  <a:moveTo>
                    <a:pt x="177991" y="121920"/>
                  </a:moveTo>
                  <a:lnTo>
                    <a:pt x="177991" y="153657"/>
                  </a:lnTo>
                  <a:cubicBezTo>
                    <a:pt x="177991" y="164770"/>
                    <a:pt x="175565" y="172784"/>
                    <a:pt x="170713" y="177724"/>
                  </a:cubicBezTo>
                  <a:cubicBezTo>
                    <a:pt x="165862" y="182664"/>
                    <a:pt x="157886" y="185128"/>
                    <a:pt x="146774" y="185128"/>
                  </a:cubicBezTo>
                  <a:lnTo>
                    <a:pt x="4229" y="185128"/>
                  </a:lnTo>
                  <a:cubicBezTo>
                    <a:pt x="1410" y="185128"/>
                    <a:pt x="0" y="183718"/>
                    <a:pt x="0" y="180899"/>
                  </a:cubicBezTo>
                  <a:lnTo>
                    <a:pt x="0" y="4229"/>
                  </a:lnTo>
                  <a:cubicBezTo>
                    <a:pt x="0" y="1410"/>
                    <a:pt x="1410" y="0"/>
                    <a:pt x="4229" y="0"/>
                  </a:cubicBezTo>
                  <a:lnTo>
                    <a:pt x="146774" y="0"/>
                  </a:lnTo>
                  <a:cubicBezTo>
                    <a:pt x="157886" y="0"/>
                    <a:pt x="165862" y="2464"/>
                    <a:pt x="170713" y="7404"/>
                  </a:cubicBezTo>
                  <a:cubicBezTo>
                    <a:pt x="175565" y="12344"/>
                    <a:pt x="177991" y="20358"/>
                    <a:pt x="177991" y="31458"/>
                  </a:cubicBezTo>
                  <a:lnTo>
                    <a:pt x="177991" y="58966"/>
                  </a:lnTo>
                  <a:cubicBezTo>
                    <a:pt x="177991" y="70079"/>
                    <a:pt x="175565" y="78105"/>
                    <a:pt x="170713" y="83045"/>
                  </a:cubicBezTo>
                  <a:cubicBezTo>
                    <a:pt x="165862" y="87986"/>
                    <a:pt x="157886" y="90449"/>
                    <a:pt x="146774" y="90449"/>
                  </a:cubicBezTo>
                  <a:cubicBezTo>
                    <a:pt x="157886" y="90449"/>
                    <a:pt x="165862" y="92913"/>
                    <a:pt x="170713" y="97854"/>
                  </a:cubicBezTo>
                  <a:cubicBezTo>
                    <a:pt x="175565" y="102794"/>
                    <a:pt x="177991" y="110820"/>
                    <a:pt x="177991" y="121920"/>
                  </a:cubicBezTo>
                </a:path>
              </a:pathLst>
            </a:custGeom>
            <a:solidFill>
              <a:srgbClr val="FFFFFF"/>
            </a:solidFill>
            <a:ln w="12700" cap="flat">
              <a:noFill/>
              <a:prstDash val="solid"/>
              <a:miter/>
            </a:ln>
          </p:spPr>
          <p:txBody>
            <a:bodyPr rtlCol="0" anchor="ctr"/>
            <a:lstStyle/>
            <a:p>
              <a:endParaRPr lang="da-DK"/>
            </a:p>
          </p:txBody>
        </p:sp>
        <p:sp>
          <p:nvSpPr>
            <p:cNvPr id="52" name="Kombinationstegning: figur 18">
              <a:extLst>
                <a:ext uri="{FF2B5EF4-FFF2-40B4-BE49-F238E27FC236}">
                  <a16:creationId xmlns:a16="http://schemas.microsoft.com/office/drawing/2014/main" id="{9A11139F-DB74-4D90-B632-A295C49AE596}"/>
                </a:ext>
              </a:extLst>
            </p:cNvPr>
            <p:cNvSpPr/>
            <p:nvPr/>
          </p:nvSpPr>
          <p:spPr>
            <a:xfrm>
              <a:off x="136090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3" name="Kombinationstegning: figur 20">
              <a:extLst>
                <a:ext uri="{FF2B5EF4-FFF2-40B4-BE49-F238E27FC236}">
                  <a16:creationId xmlns:a16="http://schemas.microsoft.com/office/drawing/2014/main" id="{E2C03D42-7D34-46AE-B897-3D6C6794CA6C}"/>
                </a:ext>
              </a:extLst>
            </p:cNvPr>
            <p:cNvSpPr/>
            <p:nvPr/>
          </p:nvSpPr>
          <p:spPr>
            <a:xfrm>
              <a:off x="1520271" y="6172797"/>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55" name="Kombinationstegning: figur 21">
              <a:extLst>
                <a:ext uri="{FF2B5EF4-FFF2-40B4-BE49-F238E27FC236}">
                  <a16:creationId xmlns:a16="http://schemas.microsoft.com/office/drawing/2014/main" id="{5C10496A-6134-4BCF-A102-A435646682EA}"/>
                </a:ext>
              </a:extLst>
            </p:cNvPr>
            <p:cNvSpPr/>
            <p:nvPr/>
          </p:nvSpPr>
          <p:spPr>
            <a:xfrm>
              <a:off x="1692446" y="6172631"/>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6" name="Kombinationstegning: figur 22">
              <a:extLst>
                <a:ext uri="{FF2B5EF4-FFF2-40B4-BE49-F238E27FC236}">
                  <a16:creationId xmlns:a16="http://schemas.microsoft.com/office/drawing/2014/main" id="{514961D2-21FB-457B-8DC1-7D871A2DB052}"/>
                </a:ext>
              </a:extLst>
            </p:cNvPr>
            <p:cNvSpPr/>
            <p:nvPr/>
          </p:nvSpPr>
          <p:spPr>
            <a:xfrm>
              <a:off x="1863931" y="6172631"/>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57" name="Kombinationstegning: figur 23">
              <a:extLst>
                <a:ext uri="{FF2B5EF4-FFF2-40B4-BE49-F238E27FC236}">
                  <a16:creationId xmlns:a16="http://schemas.microsoft.com/office/drawing/2014/main" id="{8055E933-AEAE-4B2A-9051-00BF949CF3B0}"/>
                </a:ext>
              </a:extLst>
            </p:cNvPr>
            <p:cNvSpPr/>
            <p:nvPr/>
          </p:nvSpPr>
          <p:spPr>
            <a:xfrm>
              <a:off x="842503" y="6394971"/>
              <a:ext cx="111385" cy="121259"/>
            </a:xfrm>
            <a:custGeom>
              <a:avLst/>
              <a:gdLst>
                <a:gd name="connsiteX0" fmla="*/ 156845 w 170065"/>
                <a:gd name="connsiteY0" fmla="*/ 161061 h 185140"/>
                <a:gd name="connsiteX1" fmla="*/ 166230 w 170065"/>
                <a:gd name="connsiteY1" fmla="*/ 164376 h 185140"/>
                <a:gd name="connsiteX2" fmla="*/ 170066 w 170065"/>
                <a:gd name="connsiteY2" fmla="*/ 173228 h 185140"/>
                <a:gd name="connsiteX3" fmla="*/ 166230 w 170065"/>
                <a:gd name="connsiteY3" fmla="*/ 181826 h 185140"/>
                <a:gd name="connsiteX4" fmla="*/ 156845 w 170065"/>
                <a:gd name="connsiteY4" fmla="*/ 185141 h 185140"/>
                <a:gd name="connsiteX5" fmla="*/ 31483 w 170065"/>
                <a:gd name="connsiteY5" fmla="*/ 185141 h 185140"/>
                <a:gd name="connsiteX6" fmla="*/ 7404 w 170065"/>
                <a:gd name="connsiteY6" fmla="*/ 177724 h 185140"/>
                <a:gd name="connsiteX7" fmla="*/ 0 w 170065"/>
                <a:gd name="connsiteY7" fmla="*/ 153657 h 185140"/>
                <a:gd name="connsiteX8" fmla="*/ 0 w 170065"/>
                <a:gd name="connsiteY8" fmla="*/ 31471 h 185140"/>
                <a:gd name="connsiteX9" fmla="*/ 7404 w 170065"/>
                <a:gd name="connsiteY9" fmla="*/ 7404 h 185140"/>
                <a:gd name="connsiteX10" fmla="*/ 31483 w 170065"/>
                <a:gd name="connsiteY10" fmla="*/ 0 h 185140"/>
                <a:gd name="connsiteX11" fmla="*/ 156845 w 170065"/>
                <a:gd name="connsiteY11" fmla="*/ 0 h 185140"/>
                <a:gd name="connsiteX12" fmla="*/ 166230 w 170065"/>
                <a:gd name="connsiteY12" fmla="*/ 3302 h 185140"/>
                <a:gd name="connsiteX13" fmla="*/ 170066 w 170065"/>
                <a:gd name="connsiteY13" fmla="*/ 12167 h 185140"/>
                <a:gd name="connsiteX14" fmla="*/ 166230 w 170065"/>
                <a:gd name="connsiteY14" fmla="*/ 20765 h 185140"/>
                <a:gd name="connsiteX15" fmla="*/ 156845 w 170065"/>
                <a:gd name="connsiteY15" fmla="*/ 24067 h 185140"/>
                <a:gd name="connsiteX16" fmla="*/ 39141 w 170065"/>
                <a:gd name="connsiteY16" fmla="*/ 24067 h 185140"/>
                <a:gd name="connsiteX17" fmla="*/ 29235 w 170065"/>
                <a:gd name="connsiteY17" fmla="*/ 26441 h 185140"/>
                <a:gd name="connsiteX18" fmla="*/ 26975 w 170065"/>
                <a:gd name="connsiteY18" fmla="*/ 36500 h 185140"/>
                <a:gd name="connsiteX19" fmla="*/ 26975 w 170065"/>
                <a:gd name="connsiteY19" fmla="*/ 148908 h 185140"/>
                <a:gd name="connsiteX20" fmla="*/ 29235 w 170065"/>
                <a:gd name="connsiteY20" fmla="*/ 158814 h 185140"/>
                <a:gd name="connsiteX21" fmla="*/ 39141 w 170065"/>
                <a:gd name="connsiteY21" fmla="*/ 16106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70065" h="185140">
                  <a:moveTo>
                    <a:pt x="156845" y="161061"/>
                  </a:moveTo>
                  <a:cubicBezTo>
                    <a:pt x="160541" y="161061"/>
                    <a:pt x="163665" y="162166"/>
                    <a:pt x="166230" y="164376"/>
                  </a:cubicBezTo>
                  <a:cubicBezTo>
                    <a:pt x="168783" y="166586"/>
                    <a:pt x="170066" y="169532"/>
                    <a:pt x="170066" y="173228"/>
                  </a:cubicBezTo>
                  <a:cubicBezTo>
                    <a:pt x="170066" y="176759"/>
                    <a:pt x="168783" y="179629"/>
                    <a:pt x="166230" y="181826"/>
                  </a:cubicBezTo>
                  <a:cubicBezTo>
                    <a:pt x="163665" y="184036"/>
                    <a:pt x="160541" y="185141"/>
                    <a:pt x="156845" y="185141"/>
                  </a:cubicBezTo>
                  <a:lnTo>
                    <a:pt x="31483" y="185141"/>
                  </a:lnTo>
                  <a:cubicBezTo>
                    <a:pt x="20371" y="185141"/>
                    <a:pt x="12344" y="182664"/>
                    <a:pt x="7404" y="177724"/>
                  </a:cubicBezTo>
                  <a:cubicBezTo>
                    <a:pt x="2477" y="172796"/>
                    <a:pt x="0" y="164770"/>
                    <a:pt x="0" y="153657"/>
                  </a:cubicBezTo>
                  <a:lnTo>
                    <a:pt x="0" y="31471"/>
                  </a:lnTo>
                  <a:cubicBezTo>
                    <a:pt x="0" y="20371"/>
                    <a:pt x="2477" y="12344"/>
                    <a:pt x="7404" y="7404"/>
                  </a:cubicBezTo>
                  <a:cubicBezTo>
                    <a:pt x="12344" y="2476"/>
                    <a:pt x="20371" y="0"/>
                    <a:pt x="31483" y="0"/>
                  </a:cubicBezTo>
                  <a:lnTo>
                    <a:pt x="156845" y="0"/>
                  </a:lnTo>
                  <a:cubicBezTo>
                    <a:pt x="160541" y="0"/>
                    <a:pt x="163665" y="1105"/>
                    <a:pt x="166230" y="3302"/>
                  </a:cubicBezTo>
                  <a:cubicBezTo>
                    <a:pt x="168783" y="5512"/>
                    <a:pt x="170066" y="8458"/>
                    <a:pt x="170066" y="12167"/>
                  </a:cubicBezTo>
                  <a:cubicBezTo>
                    <a:pt x="170066" y="15697"/>
                    <a:pt x="168783" y="18555"/>
                    <a:pt x="166230" y="20765"/>
                  </a:cubicBezTo>
                  <a:cubicBezTo>
                    <a:pt x="163665" y="22974"/>
                    <a:pt x="160541" y="24067"/>
                    <a:pt x="156845" y="24067"/>
                  </a:cubicBezTo>
                  <a:lnTo>
                    <a:pt x="39141" y="24067"/>
                  </a:lnTo>
                  <a:cubicBezTo>
                    <a:pt x="34036" y="24067"/>
                    <a:pt x="30721" y="24854"/>
                    <a:pt x="29235" y="26441"/>
                  </a:cubicBezTo>
                  <a:cubicBezTo>
                    <a:pt x="27737" y="28029"/>
                    <a:pt x="26975" y="31382"/>
                    <a:pt x="26975" y="36500"/>
                  </a:cubicBezTo>
                  <a:lnTo>
                    <a:pt x="26975" y="148908"/>
                  </a:lnTo>
                  <a:cubicBezTo>
                    <a:pt x="26975" y="154013"/>
                    <a:pt x="27737" y="157328"/>
                    <a:pt x="29235" y="158814"/>
                  </a:cubicBezTo>
                  <a:cubicBezTo>
                    <a:pt x="30721" y="160312"/>
                    <a:pt x="34036" y="161061"/>
                    <a:pt x="39141" y="161061"/>
                  </a:cubicBezTo>
                  <a:close/>
                </a:path>
              </a:pathLst>
            </a:custGeom>
            <a:solidFill>
              <a:srgbClr val="FFFFFF"/>
            </a:solidFill>
            <a:ln w="12700" cap="flat">
              <a:noFill/>
              <a:prstDash val="solid"/>
              <a:miter/>
            </a:ln>
          </p:spPr>
          <p:txBody>
            <a:bodyPr rtlCol="0" anchor="ctr"/>
            <a:lstStyle/>
            <a:p>
              <a:endParaRPr lang="da-DK"/>
            </a:p>
          </p:txBody>
        </p:sp>
        <p:sp>
          <p:nvSpPr>
            <p:cNvPr id="58" name="Kombinationstegning: figur 24">
              <a:extLst>
                <a:ext uri="{FF2B5EF4-FFF2-40B4-BE49-F238E27FC236}">
                  <a16:creationId xmlns:a16="http://schemas.microsoft.com/office/drawing/2014/main" id="{7CC07896-F064-4C51-9670-A48A43B9B800}"/>
                </a:ext>
              </a:extLst>
            </p:cNvPr>
            <p:cNvSpPr/>
            <p:nvPr/>
          </p:nvSpPr>
          <p:spPr>
            <a:xfrm>
              <a:off x="101970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59" name="Kombinationstegning: figur 25">
              <a:extLst>
                <a:ext uri="{FF2B5EF4-FFF2-40B4-BE49-F238E27FC236}">
                  <a16:creationId xmlns:a16="http://schemas.microsoft.com/office/drawing/2014/main" id="{3E9DCFF6-42A2-4CB0-A70E-0D9E7570F672}"/>
                </a:ext>
              </a:extLst>
            </p:cNvPr>
            <p:cNvSpPr/>
            <p:nvPr/>
          </p:nvSpPr>
          <p:spPr>
            <a:xfrm>
              <a:off x="1202798" y="6392370"/>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60" name="Kombinationstegning: figur 26">
              <a:extLst>
                <a:ext uri="{FF2B5EF4-FFF2-40B4-BE49-F238E27FC236}">
                  <a16:creationId xmlns:a16="http://schemas.microsoft.com/office/drawing/2014/main" id="{66F8EB59-D474-4107-A9FF-4D0C188E1D80}"/>
                </a:ext>
              </a:extLst>
            </p:cNvPr>
            <p:cNvSpPr/>
            <p:nvPr/>
          </p:nvSpPr>
          <p:spPr>
            <a:xfrm>
              <a:off x="1374983" y="6395140"/>
              <a:ext cx="121949" cy="123687"/>
            </a:xfrm>
            <a:custGeom>
              <a:avLst/>
              <a:gdLst>
                <a:gd name="connsiteX0" fmla="*/ 182232 w 186194"/>
                <a:gd name="connsiteY0" fmla="*/ 3442 h 188848"/>
                <a:gd name="connsiteX1" fmla="*/ 186195 w 186194"/>
                <a:gd name="connsiteY1" fmla="*/ 12433 h 188848"/>
                <a:gd name="connsiteX2" fmla="*/ 182232 w 186194"/>
                <a:gd name="connsiteY2" fmla="*/ 21171 h 188848"/>
                <a:gd name="connsiteX3" fmla="*/ 172974 w 186194"/>
                <a:gd name="connsiteY3" fmla="*/ 24600 h 188848"/>
                <a:gd name="connsiteX4" fmla="*/ 109233 w 186194"/>
                <a:gd name="connsiteY4" fmla="*/ 24600 h 188848"/>
                <a:gd name="connsiteX5" fmla="*/ 106324 w 186194"/>
                <a:gd name="connsiteY5" fmla="*/ 26187 h 188848"/>
                <a:gd name="connsiteX6" fmla="*/ 106324 w 186194"/>
                <a:gd name="connsiteY6" fmla="*/ 175628 h 188848"/>
                <a:gd name="connsiteX7" fmla="*/ 102489 w 186194"/>
                <a:gd name="connsiteY7" fmla="*/ 185014 h 188848"/>
                <a:gd name="connsiteX8" fmla="*/ 93091 w 186194"/>
                <a:gd name="connsiteY8" fmla="*/ 188849 h 188848"/>
                <a:gd name="connsiteX9" fmla="*/ 83706 w 186194"/>
                <a:gd name="connsiteY9" fmla="*/ 185014 h 188848"/>
                <a:gd name="connsiteX10" fmla="*/ 79870 w 186194"/>
                <a:gd name="connsiteY10" fmla="*/ 175628 h 188848"/>
                <a:gd name="connsiteX11" fmla="*/ 79870 w 186194"/>
                <a:gd name="connsiteY11" fmla="*/ 26187 h 188848"/>
                <a:gd name="connsiteX12" fmla="*/ 76695 w 186194"/>
                <a:gd name="connsiteY12" fmla="*/ 24600 h 188848"/>
                <a:gd name="connsiteX13" fmla="*/ 13221 w 186194"/>
                <a:gd name="connsiteY13" fmla="*/ 24600 h 188848"/>
                <a:gd name="connsiteX14" fmla="*/ 3835 w 186194"/>
                <a:gd name="connsiteY14" fmla="*/ 21171 h 188848"/>
                <a:gd name="connsiteX15" fmla="*/ 0 w 186194"/>
                <a:gd name="connsiteY15" fmla="*/ 12433 h 188848"/>
                <a:gd name="connsiteX16" fmla="*/ 3835 w 186194"/>
                <a:gd name="connsiteY16" fmla="*/ 3442 h 188848"/>
                <a:gd name="connsiteX17" fmla="*/ 13221 w 186194"/>
                <a:gd name="connsiteY17" fmla="*/ 0 h 188848"/>
                <a:gd name="connsiteX18" fmla="*/ 172974 w 186194"/>
                <a:gd name="connsiteY18" fmla="*/ 0 h 188848"/>
                <a:gd name="connsiteX19" fmla="*/ 182232 w 186194"/>
                <a:gd name="connsiteY19" fmla="*/ 3442 h 188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86194" h="188848">
                  <a:moveTo>
                    <a:pt x="182232" y="3442"/>
                  </a:moveTo>
                  <a:cubicBezTo>
                    <a:pt x="184874" y="5740"/>
                    <a:pt x="186195" y="8738"/>
                    <a:pt x="186195" y="12433"/>
                  </a:cubicBezTo>
                  <a:cubicBezTo>
                    <a:pt x="186195" y="15964"/>
                    <a:pt x="184874" y="18872"/>
                    <a:pt x="182232" y="21171"/>
                  </a:cubicBezTo>
                  <a:cubicBezTo>
                    <a:pt x="179591" y="23457"/>
                    <a:pt x="176505" y="24600"/>
                    <a:pt x="172974" y="24600"/>
                  </a:cubicBezTo>
                  <a:lnTo>
                    <a:pt x="109233" y="24600"/>
                  </a:lnTo>
                  <a:cubicBezTo>
                    <a:pt x="107467" y="24600"/>
                    <a:pt x="106502" y="25133"/>
                    <a:pt x="106324" y="26187"/>
                  </a:cubicBezTo>
                  <a:lnTo>
                    <a:pt x="106324" y="175628"/>
                  </a:lnTo>
                  <a:cubicBezTo>
                    <a:pt x="106324" y="179324"/>
                    <a:pt x="105042" y="182461"/>
                    <a:pt x="102489" y="185014"/>
                  </a:cubicBezTo>
                  <a:cubicBezTo>
                    <a:pt x="99936" y="187566"/>
                    <a:pt x="96799" y="188849"/>
                    <a:pt x="93091" y="188849"/>
                  </a:cubicBezTo>
                  <a:cubicBezTo>
                    <a:pt x="89395" y="188849"/>
                    <a:pt x="86258" y="187566"/>
                    <a:pt x="83706" y="185014"/>
                  </a:cubicBezTo>
                  <a:cubicBezTo>
                    <a:pt x="81153" y="182461"/>
                    <a:pt x="79870" y="179324"/>
                    <a:pt x="79870" y="175628"/>
                  </a:cubicBezTo>
                  <a:lnTo>
                    <a:pt x="79870" y="26187"/>
                  </a:lnTo>
                  <a:cubicBezTo>
                    <a:pt x="79527" y="25133"/>
                    <a:pt x="78461" y="24600"/>
                    <a:pt x="76695" y="24600"/>
                  </a:cubicBezTo>
                  <a:lnTo>
                    <a:pt x="13221" y="24600"/>
                  </a:lnTo>
                  <a:cubicBezTo>
                    <a:pt x="9525" y="24600"/>
                    <a:pt x="6388" y="23457"/>
                    <a:pt x="3835" y="21171"/>
                  </a:cubicBezTo>
                  <a:cubicBezTo>
                    <a:pt x="1283" y="18872"/>
                    <a:pt x="0" y="15964"/>
                    <a:pt x="0" y="12433"/>
                  </a:cubicBezTo>
                  <a:cubicBezTo>
                    <a:pt x="0" y="8738"/>
                    <a:pt x="1283" y="5740"/>
                    <a:pt x="3835" y="3442"/>
                  </a:cubicBezTo>
                  <a:cubicBezTo>
                    <a:pt x="6388" y="1156"/>
                    <a:pt x="9525" y="0"/>
                    <a:pt x="13221" y="0"/>
                  </a:cubicBezTo>
                  <a:lnTo>
                    <a:pt x="172974" y="0"/>
                  </a:lnTo>
                  <a:cubicBezTo>
                    <a:pt x="176505" y="0"/>
                    <a:pt x="179591" y="1156"/>
                    <a:pt x="182232" y="3442"/>
                  </a:cubicBezTo>
                </a:path>
              </a:pathLst>
            </a:custGeom>
            <a:solidFill>
              <a:srgbClr val="FFFFFF"/>
            </a:solidFill>
            <a:ln w="12700" cap="flat">
              <a:noFill/>
              <a:prstDash val="solid"/>
              <a:miter/>
            </a:ln>
          </p:spPr>
          <p:txBody>
            <a:bodyPr rtlCol="0" anchor="ctr"/>
            <a:lstStyle/>
            <a:p>
              <a:endParaRPr lang="da-DK"/>
            </a:p>
          </p:txBody>
        </p:sp>
        <p:sp>
          <p:nvSpPr>
            <p:cNvPr id="61" name="Kombinationstegning: figur 27">
              <a:extLst>
                <a:ext uri="{FF2B5EF4-FFF2-40B4-BE49-F238E27FC236}">
                  <a16:creationId xmlns:a16="http://schemas.microsoft.com/office/drawing/2014/main" id="{7ABF108B-B3BA-45E4-9C2C-5A4C6CF7299C}"/>
                </a:ext>
              </a:extLst>
            </p:cNvPr>
            <p:cNvSpPr/>
            <p:nvPr/>
          </p:nvSpPr>
          <p:spPr>
            <a:xfrm>
              <a:off x="1550627" y="6394974"/>
              <a:ext cx="112425" cy="121425"/>
            </a:xfrm>
            <a:custGeom>
              <a:avLst/>
              <a:gdLst>
                <a:gd name="connsiteX0" fmla="*/ 152083 w 171653"/>
                <a:gd name="connsiteY0" fmla="*/ 80924 h 185394"/>
                <a:gd name="connsiteX1" fmla="*/ 161468 w 171653"/>
                <a:gd name="connsiteY1" fmla="*/ 84239 h 185394"/>
                <a:gd name="connsiteX2" fmla="*/ 165303 w 171653"/>
                <a:gd name="connsiteY2" fmla="*/ 93091 h 185394"/>
                <a:gd name="connsiteX3" fmla="*/ 161468 w 171653"/>
                <a:gd name="connsiteY3" fmla="*/ 101549 h 185394"/>
                <a:gd name="connsiteX4" fmla="*/ 152083 w 171653"/>
                <a:gd name="connsiteY4" fmla="*/ 104724 h 185394"/>
                <a:gd name="connsiteX5" fmla="*/ 29616 w 171653"/>
                <a:gd name="connsiteY5" fmla="*/ 104724 h 185394"/>
                <a:gd name="connsiteX6" fmla="*/ 26721 w 171653"/>
                <a:gd name="connsiteY6" fmla="*/ 107899 h 185394"/>
                <a:gd name="connsiteX7" fmla="*/ 26721 w 171653"/>
                <a:gd name="connsiteY7" fmla="*/ 157620 h 185394"/>
                <a:gd name="connsiteX8" fmla="*/ 29616 w 171653"/>
                <a:gd name="connsiteY8" fmla="*/ 160795 h 185394"/>
                <a:gd name="connsiteX9" fmla="*/ 158420 w 171653"/>
                <a:gd name="connsiteY9" fmla="*/ 160795 h 185394"/>
                <a:gd name="connsiteX10" fmla="*/ 167691 w 171653"/>
                <a:gd name="connsiteY10" fmla="*/ 164109 h 185394"/>
                <a:gd name="connsiteX11" fmla="*/ 171653 w 171653"/>
                <a:gd name="connsiteY11" fmla="*/ 172961 h 185394"/>
                <a:gd name="connsiteX12" fmla="*/ 167691 w 171653"/>
                <a:gd name="connsiteY12" fmla="*/ 181953 h 185394"/>
                <a:gd name="connsiteX13" fmla="*/ 158420 w 171653"/>
                <a:gd name="connsiteY13" fmla="*/ 185395 h 185394"/>
                <a:gd name="connsiteX14" fmla="*/ 4229 w 171653"/>
                <a:gd name="connsiteY14" fmla="*/ 185395 h 185394"/>
                <a:gd name="connsiteX15" fmla="*/ 0 w 171653"/>
                <a:gd name="connsiteY15" fmla="*/ 181166 h 185394"/>
                <a:gd name="connsiteX16" fmla="*/ 0 w 171653"/>
                <a:gd name="connsiteY16" fmla="*/ 4229 h 185394"/>
                <a:gd name="connsiteX17" fmla="*/ 4229 w 171653"/>
                <a:gd name="connsiteY17" fmla="*/ 0 h 185394"/>
                <a:gd name="connsiteX18" fmla="*/ 158420 w 171653"/>
                <a:gd name="connsiteY18" fmla="*/ 0 h 185394"/>
                <a:gd name="connsiteX19" fmla="*/ 167691 w 171653"/>
                <a:gd name="connsiteY19" fmla="*/ 3569 h 185394"/>
                <a:gd name="connsiteX20" fmla="*/ 171653 w 171653"/>
                <a:gd name="connsiteY20" fmla="*/ 12687 h 185394"/>
                <a:gd name="connsiteX21" fmla="*/ 167691 w 171653"/>
                <a:gd name="connsiteY21" fmla="*/ 21552 h 185394"/>
                <a:gd name="connsiteX22" fmla="*/ 158420 w 171653"/>
                <a:gd name="connsiteY22" fmla="*/ 24854 h 185394"/>
                <a:gd name="connsiteX23" fmla="*/ 29616 w 171653"/>
                <a:gd name="connsiteY23" fmla="*/ 24854 h 185394"/>
                <a:gd name="connsiteX24" fmla="*/ 26721 w 171653"/>
                <a:gd name="connsiteY24" fmla="*/ 28029 h 185394"/>
                <a:gd name="connsiteX25" fmla="*/ 26721 w 171653"/>
                <a:gd name="connsiteY25" fmla="*/ 78016 h 185394"/>
                <a:gd name="connsiteX26" fmla="*/ 29616 w 171653"/>
                <a:gd name="connsiteY26" fmla="*/ 81191 h 1853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71653" h="185394">
                  <a:moveTo>
                    <a:pt x="152083" y="80924"/>
                  </a:moveTo>
                  <a:cubicBezTo>
                    <a:pt x="155778" y="80924"/>
                    <a:pt x="158902" y="82029"/>
                    <a:pt x="161468" y="84239"/>
                  </a:cubicBezTo>
                  <a:cubicBezTo>
                    <a:pt x="164021" y="86449"/>
                    <a:pt x="165303" y="89395"/>
                    <a:pt x="165303" y="93091"/>
                  </a:cubicBezTo>
                  <a:cubicBezTo>
                    <a:pt x="165303" y="96622"/>
                    <a:pt x="164021" y="99441"/>
                    <a:pt x="161468" y="101549"/>
                  </a:cubicBezTo>
                  <a:cubicBezTo>
                    <a:pt x="158902" y="103670"/>
                    <a:pt x="155778" y="104724"/>
                    <a:pt x="152083" y="104724"/>
                  </a:cubicBezTo>
                  <a:lnTo>
                    <a:pt x="29616" y="104724"/>
                  </a:lnTo>
                  <a:cubicBezTo>
                    <a:pt x="27686" y="104724"/>
                    <a:pt x="26721" y="105791"/>
                    <a:pt x="26721" y="107899"/>
                  </a:cubicBezTo>
                  <a:lnTo>
                    <a:pt x="26721" y="157620"/>
                  </a:lnTo>
                  <a:cubicBezTo>
                    <a:pt x="26721" y="159741"/>
                    <a:pt x="27686" y="160795"/>
                    <a:pt x="29616" y="160795"/>
                  </a:cubicBezTo>
                  <a:lnTo>
                    <a:pt x="158420" y="160795"/>
                  </a:lnTo>
                  <a:cubicBezTo>
                    <a:pt x="161950" y="160795"/>
                    <a:pt x="165049" y="161900"/>
                    <a:pt x="167691" y="164109"/>
                  </a:cubicBezTo>
                  <a:cubicBezTo>
                    <a:pt x="170332" y="166319"/>
                    <a:pt x="171653" y="169266"/>
                    <a:pt x="171653" y="172961"/>
                  </a:cubicBezTo>
                  <a:cubicBezTo>
                    <a:pt x="171653" y="176670"/>
                    <a:pt x="170332" y="179667"/>
                    <a:pt x="167691" y="181953"/>
                  </a:cubicBezTo>
                  <a:cubicBezTo>
                    <a:pt x="165049" y="184252"/>
                    <a:pt x="161950" y="185395"/>
                    <a:pt x="158420" y="185395"/>
                  </a:cubicBezTo>
                  <a:lnTo>
                    <a:pt x="4229" y="185395"/>
                  </a:lnTo>
                  <a:cubicBezTo>
                    <a:pt x="1422" y="185395"/>
                    <a:pt x="0" y="183985"/>
                    <a:pt x="0" y="181166"/>
                  </a:cubicBezTo>
                  <a:lnTo>
                    <a:pt x="0" y="4229"/>
                  </a:lnTo>
                  <a:cubicBezTo>
                    <a:pt x="0" y="1410"/>
                    <a:pt x="1422" y="0"/>
                    <a:pt x="4229" y="0"/>
                  </a:cubicBezTo>
                  <a:lnTo>
                    <a:pt x="158420" y="0"/>
                  </a:lnTo>
                  <a:cubicBezTo>
                    <a:pt x="161950" y="0"/>
                    <a:pt x="165049" y="1194"/>
                    <a:pt x="167691" y="3569"/>
                  </a:cubicBezTo>
                  <a:cubicBezTo>
                    <a:pt x="170332" y="5956"/>
                    <a:pt x="171653" y="8992"/>
                    <a:pt x="171653" y="12687"/>
                  </a:cubicBezTo>
                  <a:cubicBezTo>
                    <a:pt x="171653" y="16396"/>
                    <a:pt x="170332" y="19342"/>
                    <a:pt x="167691" y="21552"/>
                  </a:cubicBezTo>
                  <a:cubicBezTo>
                    <a:pt x="165049" y="23762"/>
                    <a:pt x="161950" y="24854"/>
                    <a:pt x="158420" y="24854"/>
                  </a:cubicBezTo>
                  <a:lnTo>
                    <a:pt x="29616" y="24854"/>
                  </a:lnTo>
                  <a:cubicBezTo>
                    <a:pt x="27686" y="24854"/>
                    <a:pt x="26721" y="25921"/>
                    <a:pt x="26721" y="28029"/>
                  </a:cubicBezTo>
                  <a:lnTo>
                    <a:pt x="26721" y="78016"/>
                  </a:lnTo>
                  <a:cubicBezTo>
                    <a:pt x="26721" y="80302"/>
                    <a:pt x="27686" y="81369"/>
                    <a:pt x="29616" y="81191"/>
                  </a:cubicBezTo>
                  <a:close/>
                </a:path>
              </a:pathLst>
            </a:custGeom>
            <a:solidFill>
              <a:srgbClr val="FFFFFF"/>
            </a:solidFill>
            <a:ln w="12700" cap="flat">
              <a:noFill/>
              <a:prstDash val="solid"/>
              <a:miter/>
            </a:ln>
          </p:spPr>
          <p:txBody>
            <a:bodyPr rtlCol="0" anchor="ctr"/>
            <a:lstStyle/>
            <a:p>
              <a:endParaRPr lang="da-DK"/>
            </a:p>
          </p:txBody>
        </p:sp>
        <p:sp>
          <p:nvSpPr>
            <p:cNvPr id="62" name="Kombinationstegning: figur 28">
              <a:extLst>
                <a:ext uri="{FF2B5EF4-FFF2-40B4-BE49-F238E27FC236}">
                  <a16:creationId xmlns:a16="http://schemas.microsoft.com/office/drawing/2014/main" id="{677283A0-A857-4683-829A-5A4B42B3E907}"/>
                </a:ext>
              </a:extLst>
            </p:cNvPr>
            <p:cNvSpPr/>
            <p:nvPr/>
          </p:nvSpPr>
          <p:spPr>
            <a:xfrm>
              <a:off x="1737870" y="6394971"/>
              <a:ext cx="119627" cy="124127"/>
            </a:xfrm>
            <a:custGeom>
              <a:avLst/>
              <a:gdLst>
                <a:gd name="connsiteX0" fmla="*/ 141503 w 182648"/>
                <a:gd name="connsiteY0" fmla="*/ 81191 h 189519"/>
                <a:gd name="connsiteX1" fmla="*/ 151295 w 182648"/>
                <a:gd name="connsiteY1" fmla="*/ 78943 h 189519"/>
                <a:gd name="connsiteX2" fmla="*/ 153670 w 182648"/>
                <a:gd name="connsiteY2" fmla="*/ 69037 h 189519"/>
                <a:gd name="connsiteX3" fmla="*/ 153670 w 182648"/>
                <a:gd name="connsiteY3" fmla="*/ 37021 h 189519"/>
                <a:gd name="connsiteX4" fmla="*/ 151155 w 182648"/>
                <a:gd name="connsiteY4" fmla="*/ 26975 h 189519"/>
                <a:gd name="connsiteX5" fmla="*/ 141503 w 182648"/>
                <a:gd name="connsiteY5" fmla="*/ 24600 h 189519"/>
                <a:gd name="connsiteX6" fmla="*/ 29616 w 182648"/>
                <a:gd name="connsiteY6" fmla="*/ 24600 h 189519"/>
                <a:gd name="connsiteX7" fmla="*/ 26975 w 182648"/>
                <a:gd name="connsiteY7" fmla="*/ 25133 h 189519"/>
                <a:gd name="connsiteX8" fmla="*/ 26441 w 182648"/>
                <a:gd name="connsiteY8" fmla="*/ 27508 h 189519"/>
                <a:gd name="connsiteX9" fmla="*/ 26975 w 182648"/>
                <a:gd name="connsiteY9" fmla="*/ 78029 h 189519"/>
                <a:gd name="connsiteX10" fmla="*/ 27508 w 182648"/>
                <a:gd name="connsiteY10" fmla="*/ 80404 h 189519"/>
                <a:gd name="connsiteX11" fmla="*/ 30150 w 182648"/>
                <a:gd name="connsiteY11" fmla="*/ 80924 h 189519"/>
                <a:gd name="connsiteX12" fmla="*/ 99187 w 182648"/>
                <a:gd name="connsiteY12" fmla="*/ 105791 h 189519"/>
                <a:gd name="connsiteX13" fmla="*/ 30150 w 182648"/>
                <a:gd name="connsiteY13" fmla="*/ 105791 h 189519"/>
                <a:gd name="connsiteX14" fmla="*/ 27508 w 182648"/>
                <a:gd name="connsiteY14" fmla="*/ 106324 h 189519"/>
                <a:gd name="connsiteX15" fmla="*/ 26975 w 182648"/>
                <a:gd name="connsiteY15" fmla="*/ 108979 h 189519"/>
                <a:gd name="connsiteX16" fmla="*/ 26441 w 182648"/>
                <a:gd name="connsiteY16" fmla="*/ 175882 h 189519"/>
                <a:gd name="connsiteX17" fmla="*/ 22619 w 182648"/>
                <a:gd name="connsiteY17" fmla="*/ 185141 h 189519"/>
                <a:gd name="connsiteX18" fmla="*/ 13221 w 182648"/>
                <a:gd name="connsiteY18" fmla="*/ 189103 h 189519"/>
                <a:gd name="connsiteX19" fmla="*/ 3835 w 182648"/>
                <a:gd name="connsiteY19" fmla="*/ 185141 h 189519"/>
                <a:gd name="connsiteX20" fmla="*/ 0 w 182648"/>
                <a:gd name="connsiteY20" fmla="*/ 175882 h 189519"/>
                <a:gd name="connsiteX21" fmla="*/ 0 w 182648"/>
                <a:gd name="connsiteY21" fmla="*/ 4229 h 189519"/>
                <a:gd name="connsiteX22" fmla="*/ 4229 w 182648"/>
                <a:gd name="connsiteY22" fmla="*/ 0 h 189519"/>
                <a:gd name="connsiteX23" fmla="*/ 148374 w 182648"/>
                <a:gd name="connsiteY23" fmla="*/ 0 h 189519"/>
                <a:gd name="connsiteX24" fmla="*/ 172847 w 182648"/>
                <a:gd name="connsiteY24" fmla="*/ 7544 h 189519"/>
                <a:gd name="connsiteX25" fmla="*/ 180378 w 182648"/>
                <a:gd name="connsiteY25" fmla="*/ 32004 h 189519"/>
                <a:gd name="connsiteX26" fmla="*/ 180378 w 182648"/>
                <a:gd name="connsiteY26" fmla="*/ 74054 h 189519"/>
                <a:gd name="connsiteX27" fmla="*/ 172847 w 182648"/>
                <a:gd name="connsiteY27" fmla="*/ 98260 h 189519"/>
                <a:gd name="connsiteX28" fmla="*/ 148374 w 182648"/>
                <a:gd name="connsiteY28" fmla="*/ 105791 h 189519"/>
                <a:gd name="connsiteX29" fmla="*/ 137262 w 182648"/>
                <a:gd name="connsiteY29" fmla="*/ 105791 h 189519"/>
                <a:gd name="connsiteX30" fmla="*/ 135420 w 182648"/>
                <a:gd name="connsiteY30" fmla="*/ 107645 h 189519"/>
                <a:gd name="connsiteX31" fmla="*/ 136474 w 182648"/>
                <a:gd name="connsiteY31" fmla="*/ 109233 h 189519"/>
                <a:gd name="connsiteX32" fmla="*/ 179857 w 182648"/>
                <a:gd name="connsiteY32" fmla="*/ 168212 h 189519"/>
                <a:gd name="connsiteX33" fmla="*/ 182499 w 182648"/>
                <a:gd name="connsiteY33" fmla="*/ 177991 h 189519"/>
                <a:gd name="connsiteX34" fmla="*/ 177203 w 182648"/>
                <a:gd name="connsiteY34" fmla="*/ 186728 h 189519"/>
                <a:gd name="connsiteX35" fmla="*/ 167284 w 182648"/>
                <a:gd name="connsiteY35" fmla="*/ 189370 h 189519"/>
                <a:gd name="connsiteX36" fmla="*/ 158699 w 182648"/>
                <a:gd name="connsiteY36" fmla="*/ 184087 h 189519"/>
                <a:gd name="connsiteX37" fmla="*/ 102362 w 182648"/>
                <a:gd name="connsiteY37" fmla="*/ 107912 h 189519"/>
                <a:gd name="connsiteX38" fmla="*/ 99187 w 182648"/>
                <a:gd name="connsiteY38" fmla="*/ 105791 h 1895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182648" h="189519">
                  <a:moveTo>
                    <a:pt x="141503" y="81191"/>
                  </a:moveTo>
                  <a:cubicBezTo>
                    <a:pt x="146444" y="81191"/>
                    <a:pt x="149708" y="80442"/>
                    <a:pt x="151295" y="78943"/>
                  </a:cubicBezTo>
                  <a:cubicBezTo>
                    <a:pt x="152883" y="77457"/>
                    <a:pt x="153670" y="74143"/>
                    <a:pt x="153670" y="69037"/>
                  </a:cubicBezTo>
                  <a:lnTo>
                    <a:pt x="153670" y="37021"/>
                  </a:lnTo>
                  <a:cubicBezTo>
                    <a:pt x="153670" y="31915"/>
                    <a:pt x="152832" y="28562"/>
                    <a:pt x="151155" y="26975"/>
                  </a:cubicBezTo>
                  <a:cubicBezTo>
                    <a:pt x="149479" y="25387"/>
                    <a:pt x="146266" y="24600"/>
                    <a:pt x="141503" y="24600"/>
                  </a:cubicBezTo>
                  <a:lnTo>
                    <a:pt x="29616" y="24600"/>
                  </a:lnTo>
                  <a:cubicBezTo>
                    <a:pt x="28207" y="24600"/>
                    <a:pt x="27330" y="24778"/>
                    <a:pt x="26975" y="25133"/>
                  </a:cubicBezTo>
                  <a:cubicBezTo>
                    <a:pt x="26619" y="25476"/>
                    <a:pt x="26441" y="26276"/>
                    <a:pt x="26441" y="27508"/>
                  </a:cubicBezTo>
                  <a:cubicBezTo>
                    <a:pt x="26810" y="61354"/>
                    <a:pt x="26975" y="78207"/>
                    <a:pt x="26975" y="78029"/>
                  </a:cubicBezTo>
                  <a:cubicBezTo>
                    <a:pt x="26975" y="79261"/>
                    <a:pt x="27153" y="80048"/>
                    <a:pt x="27508" y="80404"/>
                  </a:cubicBezTo>
                  <a:cubicBezTo>
                    <a:pt x="27864" y="80759"/>
                    <a:pt x="28740" y="80924"/>
                    <a:pt x="30150" y="80924"/>
                  </a:cubicBezTo>
                  <a:close/>
                  <a:moveTo>
                    <a:pt x="99187" y="105791"/>
                  </a:moveTo>
                  <a:lnTo>
                    <a:pt x="30150" y="105791"/>
                  </a:lnTo>
                  <a:cubicBezTo>
                    <a:pt x="28740" y="105791"/>
                    <a:pt x="27864" y="105969"/>
                    <a:pt x="27508" y="106324"/>
                  </a:cubicBezTo>
                  <a:cubicBezTo>
                    <a:pt x="27153" y="106680"/>
                    <a:pt x="26975" y="107556"/>
                    <a:pt x="26975" y="108979"/>
                  </a:cubicBezTo>
                  <a:lnTo>
                    <a:pt x="26441" y="175882"/>
                  </a:lnTo>
                  <a:cubicBezTo>
                    <a:pt x="26441" y="179400"/>
                    <a:pt x="25171" y="182499"/>
                    <a:pt x="22619" y="185141"/>
                  </a:cubicBezTo>
                  <a:cubicBezTo>
                    <a:pt x="20053" y="187782"/>
                    <a:pt x="16929" y="189103"/>
                    <a:pt x="13221" y="189103"/>
                  </a:cubicBezTo>
                  <a:cubicBezTo>
                    <a:pt x="9525" y="189103"/>
                    <a:pt x="6388" y="187782"/>
                    <a:pt x="3835" y="185141"/>
                  </a:cubicBezTo>
                  <a:cubicBezTo>
                    <a:pt x="1283" y="182499"/>
                    <a:pt x="0" y="179400"/>
                    <a:pt x="0" y="175882"/>
                  </a:cubicBezTo>
                  <a:lnTo>
                    <a:pt x="0" y="4229"/>
                  </a:lnTo>
                  <a:cubicBezTo>
                    <a:pt x="0" y="1422"/>
                    <a:pt x="1422" y="0"/>
                    <a:pt x="4229" y="0"/>
                  </a:cubicBezTo>
                  <a:lnTo>
                    <a:pt x="148374" y="0"/>
                  </a:lnTo>
                  <a:cubicBezTo>
                    <a:pt x="159664" y="0"/>
                    <a:pt x="167805" y="2515"/>
                    <a:pt x="172847" y="7544"/>
                  </a:cubicBezTo>
                  <a:cubicBezTo>
                    <a:pt x="177864" y="12573"/>
                    <a:pt x="180378" y="20714"/>
                    <a:pt x="180378" y="32004"/>
                  </a:cubicBezTo>
                  <a:lnTo>
                    <a:pt x="180378" y="74054"/>
                  </a:lnTo>
                  <a:cubicBezTo>
                    <a:pt x="180378" y="85154"/>
                    <a:pt x="177864" y="93231"/>
                    <a:pt x="172847" y="98260"/>
                  </a:cubicBezTo>
                  <a:cubicBezTo>
                    <a:pt x="167805" y="103276"/>
                    <a:pt x="159664" y="105791"/>
                    <a:pt x="148374" y="105791"/>
                  </a:cubicBezTo>
                  <a:lnTo>
                    <a:pt x="137262" y="105791"/>
                  </a:lnTo>
                  <a:cubicBezTo>
                    <a:pt x="135687" y="105791"/>
                    <a:pt x="135065" y="106413"/>
                    <a:pt x="135420" y="107645"/>
                  </a:cubicBezTo>
                  <a:cubicBezTo>
                    <a:pt x="135585" y="108179"/>
                    <a:pt x="135954" y="108699"/>
                    <a:pt x="136474" y="109233"/>
                  </a:cubicBezTo>
                  <a:lnTo>
                    <a:pt x="179857" y="168212"/>
                  </a:lnTo>
                  <a:cubicBezTo>
                    <a:pt x="182131" y="171209"/>
                    <a:pt x="183032" y="174473"/>
                    <a:pt x="182499" y="177991"/>
                  </a:cubicBezTo>
                  <a:cubicBezTo>
                    <a:pt x="181966" y="181521"/>
                    <a:pt x="180200" y="184429"/>
                    <a:pt x="177203" y="186728"/>
                  </a:cubicBezTo>
                  <a:cubicBezTo>
                    <a:pt x="174206" y="189014"/>
                    <a:pt x="170891" y="189903"/>
                    <a:pt x="167284" y="189370"/>
                  </a:cubicBezTo>
                  <a:cubicBezTo>
                    <a:pt x="163665" y="188849"/>
                    <a:pt x="160807" y="187071"/>
                    <a:pt x="158699" y="184087"/>
                  </a:cubicBezTo>
                  <a:cubicBezTo>
                    <a:pt x="121310" y="133477"/>
                    <a:pt x="102540" y="108090"/>
                    <a:pt x="102362" y="107912"/>
                  </a:cubicBezTo>
                  <a:cubicBezTo>
                    <a:pt x="101473" y="106502"/>
                    <a:pt x="100419" y="105791"/>
                    <a:pt x="99187" y="105791"/>
                  </a:cubicBezTo>
                </a:path>
              </a:pathLst>
            </a:custGeom>
            <a:solidFill>
              <a:srgbClr val="FFFFFF"/>
            </a:solidFill>
            <a:ln w="12700" cap="flat">
              <a:noFill/>
              <a:prstDash val="solid"/>
              <a:miter/>
            </a:ln>
          </p:spPr>
          <p:txBody>
            <a:bodyPr rtlCol="0" anchor="ctr"/>
            <a:lstStyle/>
            <a:p>
              <a:endParaRPr lang="da-DK"/>
            </a:p>
          </p:txBody>
        </p:sp>
        <p:sp>
          <p:nvSpPr>
            <p:cNvPr id="63" name="Kombinationstegning: figur 29">
              <a:extLst>
                <a:ext uri="{FF2B5EF4-FFF2-40B4-BE49-F238E27FC236}">
                  <a16:creationId xmlns:a16="http://schemas.microsoft.com/office/drawing/2014/main" id="{1534AFA6-8EE0-4417-9A19-C1EC1D9DEC9C}"/>
                </a:ext>
              </a:extLst>
            </p:cNvPr>
            <p:cNvSpPr/>
            <p:nvPr/>
          </p:nvSpPr>
          <p:spPr>
            <a:xfrm>
              <a:off x="721296" y="6617317"/>
              <a:ext cx="116068" cy="121250"/>
            </a:xfrm>
            <a:custGeom>
              <a:avLst/>
              <a:gdLst>
                <a:gd name="connsiteX0" fmla="*/ 163195 w 177215"/>
                <a:gd name="connsiteY0" fmla="*/ 0 h 185127"/>
                <a:gd name="connsiteX1" fmla="*/ 172580 w 177215"/>
                <a:gd name="connsiteY1" fmla="*/ 3442 h 185127"/>
                <a:gd name="connsiteX2" fmla="*/ 176416 w 177215"/>
                <a:gd name="connsiteY2" fmla="*/ 12167 h 185127"/>
                <a:gd name="connsiteX3" fmla="*/ 172580 w 177215"/>
                <a:gd name="connsiteY3" fmla="*/ 21158 h 185127"/>
                <a:gd name="connsiteX4" fmla="*/ 163195 w 177215"/>
                <a:gd name="connsiteY4" fmla="*/ 24600 h 185127"/>
                <a:gd name="connsiteX5" fmla="*/ 38887 w 177215"/>
                <a:gd name="connsiteY5" fmla="*/ 24600 h 185127"/>
                <a:gd name="connsiteX6" fmla="*/ 28842 w 177215"/>
                <a:gd name="connsiteY6" fmla="*/ 27115 h 185127"/>
                <a:gd name="connsiteX7" fmla="*/ 26454 w 177215"/>
                <a:gd name="connsiteY7" fmla="*/ 36767 h 185127"/>
                <a:gd name="connsiteX8" fmla="*/ 26975 w 177215"/>
                <a:gd name="connsiteY8" fmla="*/ 66650 h 185127"/>
                <a:gd name="connsiteX9" fmla="*/ 29362 w 177215"/>
                <a:gd name="connsiteY9" fmla="*/ 76441 h 185127"/>
                <a:gd name="connsiteX10" fmla="*/ 39421 w 177215"/>
                <a:gd name="connsiteY10" fmla="*/ 79083 h 185127"/>
                <a:gd name="connsiteX11" fmla="*/ 151295 w 177215"/>
                <a:gd name="connsiteY11" fmla="*/ 79083 h 185127"/>
                <a:gd name="connsiteX12" fmla="*/ 169672 w 177215"/>
                <a:gd name="connsiteY12" fmla="*/ 86487 h 185127"/>
                <a:gd name="connsiteX13" fmla="*/ 177216 w 177215"/>
                <a:gd name="connsiteY13" fmla="*/ 104724 h 185127"/>
                <a:gd name="connsiteX14" fmla="*/ 177216 w 177215"/>
                <a:gd name="connsiteY14" fmla="*/ 159207 h 185127"/>
                <a:gd name="connsiteX15" fmla="*/ 169672 w 177215"/>
                <a:gd name="connsiteY15" fmla="*/ 177584 h 185127"/>
                <a:gd name="connsiteX16" fmla="*/ 151295 w 177215"/>
                <a:gd name="connsiteY16" fmla="*/ 185128 h 185127"/>
                <a:gd name="connsiteX17" fmla="*/ 13754 w 177215"/>
                <a:gd name="connsiteY17" fmla="*/ 185128 h 185127"/>
                <a:gd name="connsiteX18" fmla="*/ 4369 w 177215"/>
                <a:gd name="connsiteY18" fmla="*/ 181699 h 185127"/>
                <a:gd name="connsiteX19" fmla="*/ 533 w 177215"/>
                <a:gd name="connsiteY19" fmla="*/ 172707 h 185127"/>
                <a:gd name="connsiteX20" fmla="*/ 4369 w 177215"/>
                <a:gd name="connsiteY20" fmla="*/ 163970 h 185127"/>
                <a:gd name="connsiteX21" fmla="*/ 13754 w 177215"/>
                <a:gd name="connsiteY21" fmla="*/ 160541 h 185127"/>
                <a:gd name="connsiteX22" fmla="*/ 138062 w 177215"/>
                <a:gd name="connsiteY22" fmla="*/ 160541 h 185127"/>
                <a:gd name="connsiteX23" fmla="*/ 148120 w 177215"/>
                <a:gd name="connsiteY23" fmla="*/ 157899 h 185127"/>
                <a:gd name="connsiteX24" fmla="*/ 150495 w 177215"/>
                <a:gd name="connsiteY24" fmla="*/ 148107 h 185127"/>
                <a:gd name="connsiteX25" fmla="*/ 150495 w 177215"/>
                <a:gd name="connsiteY25" fmla="*/ 117958 h 185127"/>
                <a:gd name="connsiteX26" fmla="*/ 148120 w 177215"/>
                <a:gd name="connsiteY26" fmla="*/ 108039 h 185127"/>
                <a:gd name="connsiteX27" fmla="*/ 138062 w 177215"/>
                <a:gd name="connsiteY27" fmla="*/ 105524 h 185127"/>
                <a:gd name="connsiteX28" fmla="*/ 26187 w 177215"/>
                <a:gd name="connsiteY28" fmla="*/ 105524 h 185127"/>
                <a:gd name="connsiteX29" fmla="*/ 16281 w 177215"/>
                <a:gd name="connsiteY29" fmla="*/ 103530 h 185127"/>
                <a:gd name="connsiteX30" fmla="*/ 8077 w 177215"/>
                <a:gd name="connsiteY30" fmla="*/ 97993 h 185127"/>
                <a:gd name="connsiteX31" fmla="*/ 2527 w 177215"/>
                <a:gd name="connsiteY31" fmla="*/ 89776 h 185127"/>
                <a:gd name="connsiteX32" fmla="*/ 533 w 177215"/>
                <a:gd name="connsiteY32" fmla="*/ 79870 h 185127"/>
                <a:gd name="connsiteX33" fmla="*/ 0 w 177215"/>
                <a:gd name="connsiteY33" fmla="*/ 25921 h 185127"/>
                <a:gd name="connsiteX34" fmla="*/ 7404 w 177215"/>
                <a:gd name="connsiteY34" fmla="*/ 7544 h 185127"/>
                <a:gd name="connsiteX35" fmla="*/ 25667 w 177215"/>
                <a:gd name="connsiteY35" fmla="*/ 0 h 1851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77215" h="185127">
                  <a:moveTo>
                    <a:pt x="163195" y="0"/>
                  </a:moveTo>
                  <a:cubicBezTo>
                    <a:pt x="166891" y="0"/>
                    <a:pt x="170015" y="1143"/>
                    <a:pt x="172580" y="3442"/>
                  </a:cubicBezTo>
                  <a:cubicBezTo>
                    <a:pt x="175133" y="5728"/>
                    <a:pt x="176416" y="8649"/>
                    <a:pt x="176416" y="12167"/>
                  </a:cubicBezTo>
                  <a:cubicBezTo>
                    <a:pt x="176416" y="15862"/>
                    <a:pt x="175133" y="18860"/>
                    <a:pt x="172580" y="21158"/>
                  </a:cubicBezTo>
                  <a:cubicBezTo>
                    <a:pt x="170015" y="23457"/>
                    <a:pt x="166891" y="24600"/>
                    <a:pt x="163195" y="24600"/>
                  </a:cubicBezTo>
                  <a:lnTo>
                    <a:pt x="38887" y="24600"/>
                  </a:lnTo>
                  <a:cubicBezTo>
                    <a:pt x="33782" y="24600"/>
                    <a:pt x="30429" y="25438"/>
                    <a:pt x="28842" y="27115"/>
                  </a:cubicBezTo>
                  <a:cubicBezTo>
                    <a:pt x="27254" y="28791"/>
                    <a:pt x="26454" y="32004"/>
                    <a:pt x="26454" y="36767"/>
                  </a:cubicBezTo>
                  <a:lnTo>
                    <a:pt x="26975" y="66650"/>
                  </a:lnTo>
                  <a:cubicBezTo>
                    <a:pt x="26975" y="71399"/>
                    <a:pt x="27775" y="74676"/>
                    <a:pt x="29362" y="76441"/>
                  </a:cubicBezTo>
                  <a:cubicBezTo>
                    <a:pt x="30950" y="78194"/>
                    <a:pt x="34303" y="79083"/>
                    <a:pt x="39421" y="79083"/>
                  </a:cubicBezTo>
                  <a:lnTo>
                    <a:pt x="151295" y="79083"/>
                  </a:lnTo>
                  <a:cubicBezTo>
                    <a:pt x="158521" y="79083"/>
                    <a:pt x="164643" y="81547"/>
                    <a:pt x="169672" y="86487"/>
                  </a:cubicBezTo>
                  <a:cubicBezTo>
                    <a:pt x="174689" y="91415"/>
                    <a:pt x="177216" y="97511"/>
                    <a:pt x="177216" y="104724"/>
                  </a:cubicBezTo>
                  <a:lnTo>
                    <a:pt x="177216" y="159207"/>
                  </a:lnTo>
                  <a:cubicBezTo>
                    <a:pt x="177216" y="166433"/>
                    <a:pt x="174689" y="172568"/>
                    <a:pt x="169672" y="177584"/>
                  </a:cubicBezTo>
                  <a:cubicBezTo>
                    <a:pt x="164643" y="182613"/>
                    <a:pt x="158521" y="185128"/>
                    <a:pt x="151295" y="185128"/>
                  </a:cubicBezTo>
                  <a:lnTo>
                    <a:pt x="13754" y="185128"/>
                  </a:lnTo>
                  <a:cubicBezTo>
                    <a:pt x="10058" y="185128"/>
                    <a:pt x="6922" y="183985"/>
                    <a:pt x="4369" y="181699"/>
                  </a:cubicBezTo>
                  <a:cubicBezTo>
                    <a:pt x="1816" y="179400"/>
                    <a:pt x="533" y="176403"/>
                    <a:pt x="533" y="172707"/>
                  </a:cubicBezTo>
                  <a:cubicBezTo>
                    <a:pt x="533" y="169177"/>
                    <a:pt x="1816" y="166268"/>
                    <a:pt x="4369" y="163970"/>
                  </a:cubicBezTo>
                  <a:cubicBezTo>
                    <a:pt x="6922" y="161671"/>
                    <a:pt x="10058" y="160541"/>
                    <a:pt x="13754" y="160541"/>
                  </a:cubicBezTo>
                  <a:lnTo>
                    <a:pt x="138062" y="160541"/>
                  </a:lnTo>
                  <a:cubicBezTo>
                    <a:pt x="143180" y="160541"/>
                    <a:pt x="146533" y="159652"/>
                    <a:pt x="148120" y="157899"/>
                  </a:cubicBezTo>
                  <a:cubicBezTo>
                    <a:pt x="149708" y="156134"/>
                    <a:pt x="150495" y="152857"/>
                    <a:pt x="150495" y="148107"/>
                  </a:cubicBezTo>
                  <a:lnTo>
                    <a:pt x="150495" y="117958"/>
                  </a:lnTo>
                  <a:cubicBezTo>
                    <a:pt x="150495" y="113017"/>
                    <a:pt x="149708" y="109715"/>
                    <a:pt x="148120" y="108039"/>
                  </a:cubicBezTo>
                  <a:cubicBezTo>
                    <a:pt x="146533" y="106363"/>
                    <a:pt x="143180" y="105524"/>
                    <a:pt x="138062" y="105524"/>
                  </a:cubicBezTo>
                  <a:lnTo>
                    <a:pt x="26187" y="105524"/>
                  </a:lnTo>
                  <a:cubicBezTo>
                    <a:pt x="22670" y="105524"/>
                    <a:pt x="19355" y="104864"/>
                    <a:pt x="16281" y="103530"/>
                  </a:cubicBezTo>
                  <a:cubicBezTo>
                    <a:pt x="13183" y="102222"/>
                    <a:pt x="10465" y="100355"/>
                    <a:pt x="8077" y="97993"/>
                  </a:cubicBezTo>
                  <a:cubicBezTo>
                    <a:pt x="5702" y="95606"/>
                    <a:pt x="3848" y="92862"/>
                    <a:pt x="2527" y="89776"/>
                  </a:cubicBezTo>
                  <a:cubicBezTo>
                    <a:pt x="1194" y="86703"/>
                    <a:pt x="533" y="83388"/>
                    <a:pt x="533" y="79870"/>
                  </a:cubicBezTo>
                  <a:lnTo>
                    <a:pt x="0" y="25921"/>
                  </a:lnTo>
                  <a:cubicBezTo>
                    <a:pt x="0" y="18694"/>
                    <a:pt x="2477" y="12560"/>
                    <a:pt x="7404" y="7544"/>
                  </a:cubicBezTo>
                  <a:cubicBezTo>
                    <a:pt x="12344" y="2502"/>
                    <a:pt x="18440" y="0"/>
                    <a:pt x="25667" y="0"/>
                  </a:cubicBezTo>
                  <a:close/>
                </a:path>
              </a:pathLst>
            </a:custGeom>
            <a:solidFill>
              <a:srgbClr val="FFFFFF"/>
            </a:solidFill>
            <a:ln w="12700" cap="flat">
              <a:noFill/>
              <a:prstDash val="solid"/>
              <a:miter/>
            </a:ln>
          </p:spPr>
          <p:txBody>
            <a:bodyPr rtlCol="0" anchor="ctr"/>
            <a:lstStyle/>
            <a:p>
              <a:endParaRPr lang="da-DK"/>
            </a:p>
          </p:txBody>
        </p:sp>
        <p:sp>
          <p:nvSpPr>
            <p:cNvPr id="64" name="Kombinationstegning: figur 30">
              <a:extLst>
                <a:ext uri="{FF2B5EF4-FFF2-40B4-BE49-F238E27FC236}">
                  <a16:creationId xmlns:a16="http://schemas.microsoft.com/office/drawing/2014/main" id="{2654C4DD-5658-47E9-A653-6B23D05A1D88}"/>
                </a:ext>
              </a:extLst>
            </p:cNvPr>
            <p:cNvSpPr/>
            <p:nvPr/>
          </p:nvSpPr>
          <p:spPr>
            <a:xfrm>
              <a:off x="889975" y="6614547"/>
              <a:ext cx="39191" cy="150156"/>
            </a:xfrm>
            <a:custGeom>
              <a:avLst/>
              <a:gdLst>
                <a:gd name="connsiteX0" fmla="*/ 33396 w 59837"/>
                <a:gd name="connsiteY0" fmla="*/ 13221 h 229260"/>
                <a:gd name="connsiteX1" fmla="*/ 37231 w 59837"/>
                <a:gd name="connsiteY1" fmla="*/ 3835 h 229260"/>
                <a:gd name="connsiteX2" fmla="*/ 46617 w 59837"/>
                <a:gd name="connsiteY2" fmla="*/ 0 h 229260"/>
                <a:gd name="connsiteX3" fmla="*/ 55875 w 59837"/>
                <a:gd name="connsiteY3" fmla="*/ 3835 h 229260"/>
                <a:gd name="connsiteX4" fmla="*/ 59837 w 59837"/>
                <a:gd name="connsiteY4" fmla="*/ 13221 h 229260"/>
                <a:gd name="connsiteX5" fmla="*/ 59837 w 59837"/>
                <a:gd name="connsiteY5" fmla="*/ 163436 h 229260"/>
                <a:gd name="connsiteX6" fmla="*/ 56535 w 59837"/>
                <a:gd name="connsiteY6" fmla="*/ 179311 h 229260"/>
                <a:gd name="connsiteX7" fmla="*/ 47671 w 59837"/>
                <a:gd name="connsiteY7" fmla="*/ 194120 h 229260"/>
                <a:gd name="connsiteX8" fmla="*/ 47950 w 59837"/>
                <a:gd name="connsiteY8" fmla="*/ 193866 h 229260"/>
                <a:gd name="connsiteX9" fmla="*/ 23871 w 59837"/>
                <a:gd name="connsiteY9" fmla="*/ 224015 h 229260"/>
                <a:gd name="connsiteX10" fmla="*/ 14879 w 59837"/>
                <a:gd name="connsiteY10" fmla="*/ 229159 h 229260"/>
                <a:gd name="connsiteX11" fmla="*/ 5088 w 59837"/>
                <a:gd name="connsiteY11" fmla="*/ 226124 h 229260"/>
                <a:gd name="connsiteX12" fmla="*/ 71 w 59837"/>
                <a:gd name="connsiteY12" fmla="*/ 217259 h 229260"/>
                <a:gd name="connsiteX13" fmla="*/ 2967 w 59837"/>
                <a:gd name="connsiteY13" fmla="*/ 207607 h 229260"/>
                <a:gd name="connsiteX14" fmla="*/ 27313 w 59837"/>
                <a:gd name="connsiteY14" fmla="*/ 177190 h 229260"/>
                <a:gd name="connsiteX15" fmla="*/ 27579 w 59837"/>
                <a:gd name="connsiteY15" fmla="*/ 176936 h 229260"/>
                <a:gd name="connsiteX16" fmla="*/ 31936 w 59837"/>
                <a:gd name="connsiteY16" fmla="*/ 169647 h 229260"/>
                <a:gd name="connsiteX17" fmla="*/ 33396 w 59837"/>
                <a:gd name="connsiteY17" fmla="*/ 163436 h 229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9837" h="229260">
                  <a:moveTo>
                    <a:pt x="33396" y="13221"/>
                  </a:moveTo>
                  <a:cubicBezTo>
                    <a:pt x="33396" y="9512"/>
                    <a:pt x="34679" y="6388"/>
                    <a:pt x="37231" y="3835"/>
                  </a:cubicBezTo>
                  <a:cubicBezTo>
                    <a:pt x="39784" y="1283"/>
                    <a:pt x="42908" y="0"/>
                    <a:pt x="46617" y="0"/>
                  </a:cubicBezTo>
                  <a:cubicBezTo>
                    <a:pt x="50135" y="0"/>
                    <a:pt x="53233" y="1283"/>
                    <a:pt x="55875" y="3835"/>
                  </a:cubicBezTo>
                  <a:cubicBezTo>
                    <a:pt x="58529" y="6388"/>
                    <a:pt x="59837" y="9512"/>
                    <a:pt x="59837" y="13221"/>
                  </a:cubicBezTo>
                  <a:lnTo>
                    <a:pt x="59837" y="163436"/>
                  </a:lnTo>
                  <a:cubicBezTo>
                    <a:pt x="59837" y="168554"/>
                    <a:pt x="58733" y="173838"/>
                    <a:pt x="56535" y="179311"/>
                  </a:cubicBezTo>
                  <a:cubicBezTo>
                    <a:pt x="54326" y="184772"/>
                    <a:pt x="51379" y="189700"/>
                    <a:pt x="47671" y="194120"/>
                  </a:cubicBezTo>
                  <a:lnTo>
                    <a:pt x="47950" y="193866"/>
                  </a:lnTo>
                  <a:lnTo>
                    <a:pt x="23871" y="224015"/>
                  </a:lnTo>
                  <a:cubicBezTo>
                    <a:pt x="21407" y="227000"/>
                    <a:pt x="18397" y="228727"/>
                    <a:pt x="14879" y="229159"/>
                  </a:cubicBezTo>
                  <a:cubicBezTo>
                    <a:pt x="11349" y="229603"/>
                    <a:pt x="8098" y="228587"/>
                    <a:pt x="5088" y="226124"/>
                  </a:cubicBezTo>
                  <a:cubicBezTo>
                    <a:pt x="2091" y="223825"/>
                    <a:pt x="414" y="220878"/>
                    <a:pt x="71" y="217259"/>
                  </a:cubicBezTo>
                  <a:cubicBezTo>
                    <a:pt x="-284" y="213639"/>
                    <a:pt x="694" y="210426"/>
                    <a:pt x="2967" y="207607"/>
                  </a:cubicBezTo>
                  <a:lnTo>
                    <a:pt x="27313" y="177190"/>
                  </a:lnTo>
                  <a:lnTo>
                    <a:pt x="27579" y="176936"/>
                  </a:lnTo>
                  <a:cubicBezTo>
                    <a:pt x="29510" y="174638"/>
                    <a:pt x="30970" y="172225"/>
                    <a:pt x="31936" y="169647"/>
                  </a:cubicBezTo>
                  <a:cubicBezTo>
                    <a:pt x="32901" y="167094"/>
                    <a:pt x="33396" y="165024"/>
                    <a:pt x="33396" y="163436"/>
                  </a:cubicBezTo>
                  <a:close/>
                </a:path>
              </a:pathLst>
            </a:custGeom>
            <a:solidFill>
              <a:srgbClr val="FFFFFF"/>
            </a:solidFill>
            <a:ln w="12700" cap="flat">
              <a:noFill/>
              <a:prstDash val="solid"/>
              <a:miter/>
            </a:ln>
          </p:spPr>
          <p:txBody>
            <a:bodyPr rtlCol="0" anchor="ctr"/>
            <a:lstStyle/>
            <a:p>
              <a:endParaRPr lang="da-DK"/>
            </a:p>
          </p:txBody>
        </p:sp>
        <p:sp>
          <p:nvSpPr>
            <p:cNvPr id="65" name="Kombinationstegning: figur 31">
              <a:extLst>
                <a:ext uri="{FF2B5EF4-FFF2-40B4-BE49-F238E27FC236}">
                  <a16:creationId xmlns:a16="http://schemas.microsoft.com/office/drawing/2014/main" id="{814B059C-65C4-4EE3-AFFB-1B43EB962D3E}"/>
                </a:ext>
              </a:extLst>
            </p:cNvPr>
            <p:cNvSpPr/>
            <p:nvPr/>
          </p:nvSpPr>
          <p:spPr>
            <a:xfrm>
              <a:off x="975966" y="6617314"/>
              <a:ext cx="176132" cy="123992"/>
            </a:xfrm>
            <a:custGeom>
              <a:avLst/>
              <a:gdLst>
                <a:gd name="connsiteX0" fmla="*/ 123722 w 268921"/>
                <a:gd name="connsiteY0" fmla="*/ 103937 h 189313"/>
                <a:gd name="connsiteX1" fmla="*/ 126631 w 268921"/>
                <a:gd name="connsiteY1" fmla="*/ 101029 h 189313"/>
                <a:gd name="connsiteX2" fmla="*/ 126897 w 268921"/>
                <a:gd name="connsiteY2" fmla="*/ 28308 h 189313"/>
                <a:gd name="connsiteX3" fmla="*/ 125170 w 268921"/>
                <a:gd name="connsiteY3" fmla="*/ 24740 h 189313"/>
                <a:gd name="connsiteX4" fmla="*/ 121081 w 268921"/>
                <a:gd name="connsiteY4" fmla="*/ 28308 h 189313"/>
                <a:gd name="connsiteX5" fmla="*/ 75589 w 268921"/>
                <a:gd name="connsiteY5" fmla="*/ 101029 h 189313"/>
                <a:gd name="connsiteX6" fmla="*/ 74789 w 268921"/>
                <a:gd name="connsiteY6" fmla="*/ 102616 h 189313"/>
                <a:gd name="connsiteX7" fmla="*/ 76910 w 268921"/>
                <a:gd name="connsiteY7" fmla="*/ 103937 h 189313"/>
                <a:gd name="connsiteX8" fmla="*/ 256234 w 268921"/>
                <a:gd name="connsiteY8" fmla="*/ 160007 h 189313"/>
                <a:gd name="connsiteX9" fmla="*/ 265226 w 268921"/>
                <a:gd name="connsiteY9" fmla="*/ 163716 h 189313"/>
                <a:gd name="connsiteX10" fmla="*/ 268921 w 268921"/>
                <a:gd name="connsiteY10" fmla="*/ 172707 h 189313"/>
                <a:gd name="connsiteX11" fmla="*/ 265226 w 268921"/>
                <a:gd name="connsiteY11" fmla="*/ 181559 h 189313"/>
                <a:gd name="connsiteX12" fmla="*/ 256234 w 268921"/>
                <a:gd name="connsiteY12" fmla="*/ 185141 h 189313"/>
                <a:gd name="connsiteX13" fmla="*/ 131126 w 268921"/>
                <a:gd name="connsiteY13" fmla="*/ 185141 h 189313"/>
                <a:gd name="connsiteX14" fmla="*/ 126897 w 268921"/>
                <a:gd name="connsiteY14" fmla="*/ 181166 h 189313"/>
                <a:gd name="connsiteX15" fmla="*/ 126631 w 268921"/>
                <a:gd name="connsiteY15" fmla="*/ 130912 h 189313"/>
                <a:gd name="connsiteX16" fmla="*/ 123722 w 268921"/>
                <a:gd name="connsiteY16" fmla="*/ 128016 h 189313"/>
                <a:gd name="connsiteX17" fmla="*/ 62102 w 268921"/>
                <a:gd name="connsiteY17" fmla="*/ 128016 h 189313"/>
                <a:gd name="connsiteX18" fmla="*/ 57073 w 268921"/>
                <a:gd name="connsiteY18" fmla="*/ 130391 h 189313"/>
                <a:gd name="connsiteX19" fmla="*/ 24535 w 268921"/>
                <a:gd name="connsiteY19" fmla="*/ 183020 h 189313"/>
                <a:gd name="connsiteX20" fmla="*/ 16217 w 268921"/>
                <a:gd name="connsiteY20" fmla="*/ 188963 h 189313"/>
                <a:gd name="connsiteX21" fmla="*/ 6298 w 268921"/>
                <a:gd name="connsiteY21" fmla="*/ 187262 h 189313"/>
                <a:gd name="connsiteX22" fmla="*/ 342 w 268921"/>
                <a:gd name="connsiteY22" fmla="*/ 179057 h 189313"/>
                <a:gd name="connsiteX23" fmla="*/ 2069 w 268921"/>
                <a:gd name="connsiteY23" fmla="*/ 168999 h 189313"/>
                <a:gd name="connsiteX24" fmla="*/ 96481 w 268921"/>
                <a:gd name="connsiteY24" fmla="*/ 16929 h 189313"/>
                <a:gd name="connsiteX25" fmla="*/ 109308 w 268921"/>
                <a:gd name="connsiteY25" fmla="*/ 3581 h 189313"/>
                <a:gd name="connsiteX26" fmla="*/ 126897 w 268921"/>
                <a:gd name="connsiteY26" fmla="*/ 0 h 189313"/>
                <a:gd name="connsiteX27" fmla="*/ 256234 w 268921"/>
                <a:gd name="connsiteY27" fmla="*/ 0 h 189313"/>
                <a:gd name="connsiteX28" fmla="*/ 265086 w 268921"/>
                <a:gd name="connsiteY28" fmla="*/ 3581 h 189313"/>
                <a:gd name="connsiteX29" fmla="*/ 268655 w 268921"/>
                <a:gd name="connsiteY29" fmla="*/ 12433 h 189313"/>
                <a:gd name="connsiteX30" fmla="*/ 265086 w 268921"/>
                <a:gd name="connsiteY30" fmla="*/ 21158 h 189313"/>
                <a:gd name="connsiteX31" fmla="*/ 256234 w 268921"/>
                <a:gd name="connsiteY31" fmla="*/ 24600 h 189313"/>
                <a:gd name="connsiteX32" fmla="*/ 156514 w 268921"/>
                <a:gd name="connsiteY32" fmla="*/ 24600 h 189313"/>
                <a:gd name="connsiteX33" fmla="*/ 153618 w 268921"/>
                <a:gd name="connsiteY33" fmla="*/ 27508 h 189313"/>
                <a:gd name="connsiteX34" fmla="*/ 153618 w 268921"/>
                <a:gd name="connsiteY34" fmla="*/ 76962 h 189313"/>
                <a:gd name="connsiteX35" fmla="*/ 156514 w 268921"/>
                <a:gd name="connsiteY35" fmla="*/ 79870 h 189313"/>
                <a:gd name="connsiteX36" fmla="*/ 249617 w 268921"/>
                <a:gd name="connsiteY36" fmla="*/ 79870 h 189313"/>
                <a:gd name="connsiteX37" fmla="*/ 258215 w 268921"/>
                <a:gd name="connsiteY37" fmla="*/ 83452 h 189313"/>
                <a:gd name="connsiteX38" fmla="*/ 261784 w 268921"/>
                <a:gd name="connsiteY38" fmla="*/ 92037 h 189313"/>
                <a:gd name="connsiteX39" fmla="*/ 258215 w 268921"/>
                <a:gd name="connsiteY39" fmla="*/ 100495 h 189313"/>
                <a:gd name="connsiteX40" fmla="*/ 249617 w 268921"/>
                <a:gd name="connsiteY40" fmla="*/ 103937 h 189313"/>
                <a:gd name="connsiteX41" fmla="*/ 156514 w 268921"/>
                <a:gd name="connsiteY41" fmla="*/ 103937 h 189313"/>
                <a:gd name="connsiteX42" fmla="*/ 153618 w 268921"/>
                <a:gd name="connsiteY42" fmla="*/ 106845 h 189313"/>
                <a:gd name="connsiteX43" fmla="*/ 153618 w 268921"/>
                <a:gd name="connsiteY43" fmla="*/ 156832 h 189313"/>
                <a:gd name="connsiteX44" fmla="*/ 156514 w 268921"/>
                <a:gd name="connsiteY44" fmla="*/ 160007 h 1893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68921" h="189313">
                  <a:moveTo>
                    <a:pt x="123722" y="103937"/>
                  </a:moveTo>
                  <a:cubicBezTo>
                    <a:pt x="125653" y="103937"/>
                    <a:pt x="126631" y="102972"/>
                    <a:pt x="126631" y="101029"/>
                  </a:cubicBezTo>
                  <a:lnTo>
                    <a:pt x="126897" y="28308"/>
                  </a:lnTo>
                  <a:cubicBezTo>
                    <a:pt x="126897" y="26187"/>
                    <a:pt x="126326" y="24994"/>
                    <a:pt x="125170" y="24740"/>
                  </a:cubicBezTo>
                  <a:cubicBezTo>
                    <a:pt x="124027" y="24460"/>
                    <a:pt x="122668" y="25654"/>
                    <a:pt x="121081" y="28308"/>
                  </a:cubicBezTo>
                  <a:lnTo>
                    <a:pt x="75589" y="101029"/>
                  </a:lnTo>
                  <a:cubicBezTo>
                    <a:pt x="75234" y="101562"/>
                    <a:pt x="74967" y="102083"/>
                    <a:pt x="74789" y="102616"/>
                  </a:cubicBezTo>
                  <a:cubicBezTo>
                    <a:pt x="74434" y="103505"/>
                    <a:pt x="75145" y="103937"/>
                    <a:pt x="76910" y="103937"/>
                  </a:cubicBezTo>
                  <a:close/>
                  <a:moveTo>
                    <a:pt x="256234" y="160007"/>
                  </a:moveTo>
                  <a:cubicBezTo>
                    <a:pt x="259752" y="160007"/>
                    <a:pt x="262749" y="161252"/>
                    <a:pt x="265226" y="163716"/>
                  </a:cubicBezTo>
                  <a:cubicBezTo>
                    <a:pt x="267690" y="166180"/>
                    <a:pt x="268921" y="169189"/>
                    <a:pt x="268921" y="172707"/>
                  </a:cubicBezTo>
                  <a:cubicBezTo>
                    <a:pt x="268921" y="176225"/>
                    <a:pt x="267690" y="179184"/>
                    <a:pt x="265226" y="181559"/>
                  </a:cubicBezTo>
                  <a:cubicBezTo>
                    <a:pt x="262749" y="183947"/>
                    <a:pt x="259752" y="185141"/>
                    <a:pt x="256234" y="185141"/>
                  </a:cubicBezTo>
                  <a:lnTo>
                    <a:pt x="131126" y="185141"/>
                  </a:lnTo>
                  <a:cubicBezTo>
                    <a:pt x="128307" y="185141"/>
                    <a:pt x="126897" y="183807"/>
                    <a:pt x="126897" y="181166"/>
                  </a:cubicBezTo>
                  <a:lnTo>
                    <a:pt x="126631" y="130912"/>
                  </a:lnTo>
                  <a:cubicBezTo>
                    <a:pt x="126631" y="128981"/>
                    <a:pt x="125653" y="128016"/>
                    <a:pt x="123722" y="128016"/>
                  </a:cubicBezTo>
                  <a:lnTo>
                    <a:pt x="62102" y="128016"/>
                  </a:lnTo>
                  <a:cubicBezTo>
                    <a:pt x="59981" y="128016"/>
                    <a:pt x="58317" y="128803"/>
                    <a:pt x="57073" y="130391"/>
                  </a:cubicBezTo>
                  <a:lnTo>
                    <a:pt x="24535" y="183020"/>
                  </a:lnTo>
                  <a:cubicBezTo>
                    <a:pt x="22605" y="186195"/>
                    <a:pt x="19824" y="188176"/>
                    <a:pt x="16217" y="188963"/>
                  </a:cubicBezTo>
                  <a:cubicBezTo>
                    <a:pt x="12597" y="189763"/>
                    <a:pt x="9295" y="189192"/>
                    <a:pt x="6298" y="187262"/>
                  </a:cubicBezTo>
                  <a:cubicBezTo>
                    <a:pt x="3123" y="185306"/>
                    <a:pt x="1142" y="182575"/>
                    <a:pt x="342" y="179057"/>
                  </a:cubicBezTo>
                  <a:cubicBezTo>
                    <a:pt x="-446" y="175527"/>
                    <a:pt x="126" y="172174"/>
                    <a:pt x="2069" y="168999"/>
                  </a:cubicBezTo>
                  <a:lnTo>
                    <a:pt x="96481" y="16929"/>
                  </a:lnTo>
                  <a:cubicBezTo>
                    <a:pt x="100545" y="10223"/>
                    <a:pt x="104812" y="5778"/>
                    <a:pt x="109308" y="3581"/>
                  </a:cubicBezTo>
                  <a:cubicBezTo>
                    <a:pt x="113816" y="1372"/>
                    <a:pt x="119671" y="178"/>
                    <a:pt x="126897" y="0"/>
                  </a:cubicBezTo>
                  <a:lnTo>
                    <a:pt x="256234" y="0"/>
                  </a:lnTo>
                  <a:cubicBezTo>
                    <a:pt x="259752" y="0"/>
                    <a:pt x="262698" y="1194"/>
                    <a:pt x="265086" y="3581"/>
                  </a:cubicBezTo>
                  <a:cubicBezTo>
                    <a:pt x="267461" y="5956"/>
                    <a:pt x="268655" y="8915"/>
                    <a:pt x="268655" y="12433"/>
                  </a:cubicBezTo>
                  <a:cubicBezTo>
                    <a:pt x="268655" y="15964"/>
                    <a:pt x="267461" y="18872"/>
                    <a:pt x="265086" y="21158"/>
                  </a:cubicBezTo>
                  <a:cubicBezTo>
                    <a:pt x="262698" y="23457"/>
                    <a:pt x="259752" y="24600"/>
                    <a:pt x="256234" y="24600"/>
                  </a:cubicBezTo>
                  <a:lnTo>
                    <a:pt x="156514" y="24600"/>
                  </a:lnTo>
                  <a:cubicBezTo>
                    <a:pt x="154583" y="24600"/>
                    <a:pt x="153618" y="25565"/>
                    <a:pt x="153618" y="27508"/>
                  </a:cubicBezTo>
                  <a:lnTo>
                    <a:pt x="153618" y="76962"/>
                  </a:lnTo>
                  <a:cubicBezTo>
                    <a:pt x="153618" y="78905"/>
                    <a:pt x="154583" y="79870"/>
                    <a:pt x="156514" y="79870"/>
                  </a:cubicBezTo>
                  <a:lnTo>
                    <a:pt x="249617" y="79870"/>
                  </a:lnTo>
                  <a:cubicBezTo>
                    <a:pt x="252970" y="79870"/>
                    <a:pt x="255828" y="81064"/>
                    <a:pt x="258215" y="83452"/>
                  </a:cubicBezTo>
                  <a:cubicBezTo>
                    <a:pt x="260590" y="85827"/>
                    <a:pt x="261784" y="88697"/>
                    <a:pt x="261784" y="92037"/>
                  </a:cubicBezTo>
                  <a:cubicBezTo>
                    <a:pt x="261784" y="95390"/>
                    <a:pt x="260590" y="98222"/>
                    <a:pt x="258215" y="100495"/>
                  </a:cubicBezTo>
                  <a:cubicBezTo>
                    <a:pt x="255828" y="102794"/>
                    <a:pt x="252970" y="103937"/>
                    <a:pt x="249617" y="103937"/>
                  </a:cubicBezTo>
                  <a:lnTo>
                    <a:pt x="156514" y="103937"/>
                  </a:lnTo>
                  <a:cubicBezTo>
                    <a:pt x="154583" y="103937"/>
                    <a:pt x="153618" y="104915"/>
                    <a:pt x="153618" y="106845"/>
                  </a:cubicBezTo>
                  <a:lnTo>
                    <a:pt x="153618" y="156832"/>
                  </a:lnTo>
                  <a:cubicBezTo>
                    <a:pt x="153618" y="158953"/>
                    <a:pt x="154583" y="160007"/>
                    <a:pt x="156514" y="160007"/>
                  </a:cubicBezTo>
                  <a:close/>
                </a:path>
              </a:pathLst>
            </a:custGeom>
            <a:solidFill>
              <a:srgbClr val="FFFFFF"/>
            </a:solidFill>
            <a:ln w="12700" cap="flat">
              <a:noFill/>
              <a:prstDash val="solid"/>
              <a:miter/>
            </a:ln>
          </p:spPr>
          <p:txBody>
            <a:bodyPr rtlCol="0" anchor="ctr"/>
            <a:lstStyle/>
            <a:p>
              <a:endParaRPr lang="da-DK"/>
            </a:p>
          </p:txBody>
        </p:sp>
        <p:sp>
          <p:nvSpPr>
            <p:cNvPr id="66" name="Kombinationstegning: figur 32">
              <a:extLst>
                <a:ext uri="{FF2B5EF4-FFF2-40B4-BE49-F238E27FC236}">
                  <a16:creationId xmlns:a16="http://schemas.microsoft.com/office/drawing/2014/main" id="{4A87E7AB-36B2-46B8-8C51-80271BF5943C}"/>
                </a:ext>
              </a:extLst>
            </p:cNvPr>
            <p:cNvSpPr/>
            <p:nvPr/>
          </p:nvSpPr>
          <p:spPr>
            <a:xfrm>
              <a:off x="1212895" y="6614547"/>
              <a:ext cx="91980" cy="124021"/>
            </a:xfrm>
            <a:custGeom>
              <a:avLst/>
              <a:gdLst>
                <a:gd name="connsiteX0" fmla="*/ 0 w 140436"/>
                <a:gd name="connsiteY0" fmla="*/ 13221 h 189357"/>
                <a:gd name="connsiteX1" fmla="*/ 3835 w 140436"/>
                <a:gd name="connsiteY1" fmla="*/ 3962 h 189357"/>
                <a:gd name="connsiteX2" fmla="*/ 13221 w 140436"/>
                <a:gd name="connsiteY2" fmla="*/ 0 h 189357"/>
                <a:gd name="connsiteX3" fmla="*/ 22492 w 140436"/>
                <a:gd name="connsiteY3" fmla="*/ 3962 h 189357"/>
                <a:gd name="connsiteX4" fmla="*/ 26454 w 140436"/>
                <a:gd name="connsiteY4" fmla="*/ 13221 h 189357"/>
                <a:gd name="connsiteX5" fmla="*/ 26454 w 140436"/>
                <a:gd name="connsiteY5" fmla="*/ 161849 h 189357"/>
                <a:gd name="connsiteX6" fmla="*/ 29362 w 140436"/>
                <a:gd name="connsiteY6" fmla="*/ 164770 h 189357"/>
                <a:gd name="connsiteX7" fmla="*/ 127216 w 140436"/>
                <a:gd name="connsiteY7" fmla="*/ 164770 h 189357"/>
                <a:gd name="connsiteX8" fmla="*/ 136474 w 140436"/>
                <a:gd name="connsiteY8" fmla="*/ 168199 h 189357"/>
                <a:gd name="connsiteX9" fmla="*/ 140437 w 140436"/>
                <a:gd name="connsiteY9" fmla="*/ 176936 h 189357"/>
                <a:gd name="connsiteX10" fmla="*/ 136474 w 140436"/>
                <a:gd name="connsiteY10" fmla="*/ 185928 h 189357"/>
                <a:gd name="connsiteX11" fmla="*/ 127216 w 140436"/>
                <a:gd name="connsiteY11" fmla="*/ 189357 h 189357"/>
                <a:gd name="connsiteX12" fmla="*/ 3962 w 140436"/>
                <a:gd name="connsiteY12" fmla="*/ 189357 h 189357"/>
                <a:gd name="connsiteX13" fmla="*/ 0 w 140436"/>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36" h="189357">
                  <a:moveTo>
                    <a:pt x="0" y="13221"/>
                  </a:moveTo>
                  <a:cubicBezTo>
                    <a:pt x="0" y="9703"/>
                    <a:pt x="1283" y="6604"/>
                    <a:pt x="3835" y="3962"/>
                  </a:cubicBezTo>
                  <a:cubicBezTo>
                    <a:pt x="6388" y="1321"/>
                    <a:pt x="9525" y="0"/>
                    <a:pt x="13221" y="0"/>
                  </a:cubicBezTo>
                  <a:cubicBezTo>
                    <a:pt x="16751" y="0"/>
                    <a:pt x="19837" y="1321"/>
                    <a:pt x="22492" y="3962"/>
                  </a:cubicBezTo>
                  <a:cubicBezTo>
                    <a:pt x="25133" y="6604"/>
                    <a:pt x="26454" y="9703"/>
                    <a:pt x="26454" y="13221"/>
                  </a:cubicBezTo>
                  <a:lnTo>
                    <a:pt x="26454" y="161849"/>
                  </a:lnTo>
                  <a:cubicBezTo>
                    <a:pt x="26454" y="163792"/>
                    <a:pt x="27407" y="164770"/>
                    <a:pt x="29362" y="164770"/>
                  </a:cubicBezTo>
                  <a:lnTo>
                    <a:pt x="127216" y="164770"/>
                  </a:lnTo>
                  <a:cubicBezTo>
                    <a:pt x="130734" y="164770"/>
                    <a:pt x="133820" y="165900"/>
                    <a:pt x="136474" y="168199"/>
                  </a:cubicBezTo>
                  <a:cubicBezTo>
                    <a:pt x="139116" y="170498"/>
                    <a:pt x="140437" y="173406"/>
                    <a:pt x="140437" y="176936"/>
                  </a:cubicBezTo>
                  <a:cubicBezTo>
                    <a:pt x="140437" y="180632"/>
                    <a:pt x="139116" y="183629"/>
                    <a:pt x="136474" y="185928"/>
                  </a:cubicBezTo>
                  <a:cubicBezTo>
                    <a:pt x="133820" y="188214"/>
                    <a:pt x="130734" y="189357"/>
                    <a:pt x="127216"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67" name="Kombinationstegning: figur 33">
              <a:extLst>
                <a:ext uri="{FF2B5EF4-FFF2-40B4-BE49-F238E27FC236}">
                  <a16:creationId xmlns:a16="http://schemas.microsoft.com/office/drawing/2014/main" id="{7B9F4D9A-A681-4CC2-ACA6-F62247832829}"/>
                </a:ext>
              </a:extLst>
            </p:cNvPr>
            <p:cNvSpPr/>
            <p:nvPr/>
          </p:nvSpPr>
          <p:spPr>
            <a:xfrm>
              <a:off x="1358053" y="6614547"/>
              <a:ext cx="91971" cy="124021"/>
            </a:xfrm>
            <a:custGeom>
              <a:avLst/>
              <a:gdLst>
                <a:gd name="connsiteX0" fmla="*/ 0 w 140423"/>
                <a:gd name="connsiteY0" fmla="*/ 13221 h 189357"/>
                <a:gd name="connsiteX1" fmla="*/ 3823 w 140423"/>
                <a:gd name="connsiteY1" fmla="*/ 3962 h 189357"/>
                <a:gd name="connsiteX2" fmla="*/ 13221 w 140423"/>
                <a:gd name="connsiteY2" fmla="*/ 0 h 189357"/>
                <a:gd name="connsiteX3" fmla="*/ 22479 w 140423"/>
                <a:gd name="connsiteY3" fmla="*/ 3962 h 189357"/>
                <a:gd name="connsiteX4" fmla="*/ 26454 w 140423"/>
                <a:gd name="connsiteY4" fmla="*/ 13221 h 189357"/>
                <a:gd name="connsiteX5" fmla="*/ 26454 w 140423"/>
                <a:gd name="connsiteY5" fmla="*/ 161849 h 189357"/>
                <a:gd name="connsiteX6" fmla="*/ 29350 w 140423"/>
                <a:gd name="connsiteY6" fmla="*/ 164770 h 189357"/>
                <a:gd name="connsiteX7" fmla="*/ 127203 w 140423"/>
                <a:gd name="connsiteY7" fmla="*/ 164770 h 189357"/>
                <a:gd name="connsiteX8" fmla="*/ 136474 w 140423"/>
                <a:gd name="connsiteY8" fmla="*/ 168199 h 189357"/>
                <a:gd name="connsiteX9" fmla="*/ 140424 w 140423"/>
                <a:gd name="connsiteY9" fmla="*/ 176936 h 189357"/>
                <a:gd name="connsiteX10" fmla="*/ 136474 w 140423"/>
                <a:gd name="connsiteY10" fmla="*/ 185928 h 189357"/>
                <a:gd name="connsiteX11" fmla="*/ 127203 w 140423"/>
                <a:gd name="connsiteY11" fmla="*/ 189357 h 189357"/>
                <a:gd name="connsiteX12" fmla="*/ 3962 w 140423"/>
                <a:gd name="connsiteY12" fmla="*/ 189357 h 189357"/>
                <a:gd name="connsiteX13" fmla="*/ 0 w 140423"/>
                <a:gd name="connsiteY13" fmla="*/ 185128 h 1893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0423" h="189357">
                  <a:moveTo>
                    <a:pt x="0" y="13221"/>
                  </a:moveTo>
                  <a:cubicBezTo>
                    <a:pt x="0" y="9703"/>
                    <a:pt x="1283" y="6604"/>
                    <a:pt x="3823" y="3962"/>
                  </a:cubicBezTo>
                  <a:cubicBezTo>
                    <a:pt x="6375" y="1321"/>
                    <a:pt x="9525" y="0"/>
                    <a:pt x="13221" y="0"/>
                  </a:cubicBezTo>
                  <a:cubicBezTo>
                    <a:pt x="16751" y="0"/>
                    <a:pt x="19825" y="1321"/>
                    <a:pt x="22479" y="3962"/>
                  </a:cubicBezTo>
                  <a:cubicBezTo>
                    <a:pt x="25121" y="6604"/>
                    <a:pt x="26454" y="9703"/>
                    <a:pt x="26454" y="13221"/>
                  </a:cubicBezTo>
                  <a:lnTo>
                    <a:pt x="26454" y="161849"/>
                  </a:lnTo>
                  <a:cubicBezTo>
                    <a:pt x="26454" y="163792"/>
                    <a:pt x="27407" y="164770"/>
                    <a:pt x="29350" y="164770"/>
                  </a:cubicBezTo>
                  <a:lnTo>
                    <a:pt x="127203" y="164770"/>
                  </a:lnTo>
                  <a:cubicBezTo>
                    <a:pt x="130721" y="164770"/>
                    <a:pt x="133820" y="165900"/>
                    <a:pt x="136474" y="168199"/>
                  </a:cubicBezTo>
                  <a:cubicBezTo>
                    <a:pt x="139116" y="170498"/>
                    <a:pt x="140424" y="173406"/>
                    <a:pt x="140424" y="176936"/>
                  </a:cubicBezTo>
                  <a:cubicBezTo>
                    <a:pt x="140424" y="180632"/>
                    <a:pt x="139116" y="183629"/>
                    <a:pt x="136474" y="185928"/>
                  </a:cubicBezTo>
                  <a:cubicBezTo>
                    <a:pt x="133820" y="188214"/>
                    <a:pt x="130721" y="189357"/>
                    <a:pt x="127203" y="189357"/>
                  </a:cubicBezTo>
                  <a:lnTo>
                    <a:pt x="3962" y="189357"/>
                  </a:lnTo>
                  <a:cubicBezTo>
                    <a:pt x="1321" y="189357"/>
                    <a:pt x="0" y="187947"/>
                    <a:pt x="0" y="185128"/>
                  </a:cubicBezTo>
                  <a:close/>
                </a:path>
              </a:pathLst>
            </a:custGeom>
            <a:solidFill>
              <a:srgbClr val="FFFFFF"/>
            </a:solidFill>
            <a:ln w="12700" cap="flat">
              <a:noFill/>
              <a:prstDash val="solid"/>
              <a:miter/>
            </a:ln>
          </p:spPr>
          <p:txBody>
            <a:bodyPr rtlCol="0" anchor="ctr"/>
            <a:lstStyle/>
            <a:p>
              <a:endParaRPr lang="da-DK"/>
            </a:p>
          </p:txBody>
        </p:sp>
        <p:sp>
          <p:nvSpPr>
            <p:cNvPr id="68" name="Kombinationstegning: figur 34">
              <a:extLst>
                <a:ext uri="{FF2B5EF4-FFF2-40B4-BE49-F238E27FC236}">
                  <a16:creationId xmlns:a16="http://schemas.microsoft.com/office/drawing/2014/main" id="{6BC93DCA-F456-4D8F-857A-A21762FAAC4C}"/>
                </a:ext>
              </a:extLst>
            </p:cNvPr>
            <p:cNvSpPr/>
            <p:nvPr/>
          </p:nvSpPr>
          <p:spPr>
            <a:xfrm>
              <a:off x="1480993" y="6617317"/>
              <a:ext cx="138246" cy="123828"/>
            </a:xfrm>
            <a:custGeom>
              <a:avLst/>
              <a:gdLst>
                <a:gd name="connsiteX0" fmla="*/ 149483 w 211076"/>
                <a:gd name="connsiteY0" fmla="*/ 113195 h 189063"/>
                <a:gd name="connsiteX1" fmla="*/ 151464 w 211076"/>
                <a:gd name="connsiteY1" fmla="*/ 112001 h 189063"/>
                <a:gd name="connsiteX2" fmla="*/ 150804 w 211076"/>
                <a:gd name="connsiteY2" fmla="*/ 110020 h 189063"/>
                <a:gd name="connsiteX3" fmla="*/ 109542 w 211076"/>
                <a:gd name="connsiteY3" fmla="*/ 25641 h 189063"/>
                <a:gd name="connsiteX4" fmla="*/ 108360 w 211076"/>
                <a:gd name="connsiteY4" fmla="*/ 23660 h 189063"/>
                <a:gd name="connsiteX5" fmla="*/ 106367 w 211076"/>
                <a:gd name="connsiteY5" fmla="*/ 22466 h 189063"/>
                <a:gd name="connsiteX6" fmla="*/ 104525 w 211076"/>
                <a:gd name="connsiteY6" fmla="*/ 22466 h 189063"/>
                <a:gd name="connsiteX7" fmla="*/ 102544 w 211076"/>
                <a:gd name="connsiteY7" fmla="*/ 23660 h 189063"/>
                <a:gd name="connsiteX8" fmla="*/ 101350 w 211076"/>
                <a:gd name="connsiteY8" fmla="*/ 25641 h 189063"/>
                <a:gd name="connsiteX9" fmla="*/ 60354 w 211076"/>
                <a:gd name="connsiteY9" fmla="*/ 110020 h 189063"/>
                <a:gd name="connsiteX10" fmla="*/ 59707 w 211076"/>
                <a:gd name="connsiteY10" fmla="*/ 112001 h 189063"/>
                <a:gd name="connsiteX11" fmla="*/ 61688 w 211076"/>
                <a:gd name="connsiteY11" fmla="*/ 113195 h 189063"/>
                <a:gd name="connsiteX12" fmla="*/ 48988 w 211076"/>
                <a:gd name="connsiteY12" fmla="*/ 138049 h 189063"/>
                <a:gd name="connsiteX13" fmla="*/ 45813 w 211076"/>
                <a:gd name="connsiteY13" fmla="*/ 139903 h 189063"/>
                <a:gd name="connsiteX14" fmla="*/ 25188 w 211076"/>
                <a:gd name="connsiteY14" fmla="*/ 181420 h 189063"/>
                <a:gd name="connsiteX15" fmla="*/ 17644 w 211076"/>
                <a:gd name="connsiteY15" fmla="*/ 188303 h 189063"/>
                <a:gd name="connsiteX16" fmla="*/ 7459 w 211076"/>
                <a:gd name="connsiteY16" fmla="*/ 187516 h 189063"/>
                <a:gd name="connsiteX17" fmla="*/ 715 w 211076"/>
                <a:gd name="connsiteY17" fmla="*/ 179972 h 189063"/>
                <a:gd name="connsiteX18" fmla="*/ 1388 w 211076"/>
                <a:gd name="connsiteY18" fmla="*/ 169786 h 189063"/>
                <a:gd name="connsiteX19" fmla="*/ 79671 w 211076"/>
                <a:gd name="connsiteY19" fmla="*/ 9779 h 189063"/>
                <a:gd name="connsiteX20" fmla="*/ 95533 w 211076"/>
                <a:gd name="connsiteY20" fmla="*/ 0 h 189063"/>
                <a:gd name="connsiteX21" fmla="*/ 115358 w 211076"/>
                <a:gd name="connsiteY21" fmla="*/ 0 h 189063"/>
                <a:gd name="connsiteX22" fmla="*/ 130700 w 211076"/>
                <a:gd name="connsiteY22" fmla="*/ 9779 h 189063"/>
                <a:gd name="connsiteX23" fmla="*/ 209529 w 211076"/>
                <a:gd name="connsiteY23" fmla="*/ 169786 h 189063"/>
                <a:gd name="connsiteX24" fmla="*/ 210316 w 211076"/>
                <a:gd name="connsiteY24" fmla="*/ 179972 h 189063"/>
                <a:gd name="connsiteX25" fmla="*/ 203712 w 211076"/>
                <a:gd name="connsiteY25" fmla="*/ 187516 h 189063"/>
                <a:gd name="connsiteX26" fmla="*/ 193527 w 211076"/>
                <a:gd name="connsiteY26" fmla="*/ 188303 h 189063"/>
                <a:gd name="connsiteX27" fmla="*/ 185983 w 211076"/>
                <a:gd name="connsiteY27" fmla="*/ 181420 h 189063"/>
                <a:gd name="connsiteX28" fmla="*/ 165358 w 211076"/>
                <a:gd name="connsiteY28" fmla="*/ 139637 h 189063"/>
                <a:gd name="connsiteX29" fmla="*/ 162183 w 211076"/>
                <a:gd name="connsiteY29" fmla="*/ 137795 h 189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211076" h="189063">
                  <a:moveTo>
                    <a:pt x="149483" y="113195"/>
                  </a:moveTo>
                  <a:cubicBezTo>
                    <a:pt x="150893" y="113195"/>
                    <a:pt x="151553" y="112801"/>
                    <a:pt x="151464" y="112001"/>
                  </a:cubicBezTo>
                  <a:cubicBezTo>
                    <a:pt x="151375" y="111214"/>
                    <a:pt x="151160" y="110541"/>
                    <a:pt x="150804" y="110020"/>
                  </a:cubicBezTo>
                  <a:cubicBezTo>
                    <a:pt x="123296" y="53950"/>
                    <a:pt x="109542" y="25832"/>
                    <a:pt x="109542" y="25641"/>
                  </a:cubicBezTo>
                  <a:cubicBezTo>
                    <a:pt x="109199" y="25121"/>
                    <a:pt x="108805" y="24460"/>
                    <a:pt x="108360" y="23660"/>
                  </a:cubicBezTo>
                  <a:cubicBezTo>
                    <a:pt x="107929" y="22873"/>
                    <a:pt x="107256" y="22466"/>
                    <a:pt x="106367" y="22466"/>
                  </a:cubicBezTo>
                  <a:lnTo>
                    <a:pt x="104525" y="22466"/>
                  </a:lnTo>
                  <a:cubicBezTo>
                    <a:pt x="103649" y="22466"/>
                    <a:pt x="102976" y="22873"/>
                    <a:pt x="102544" y="23660"/>
                  </a:cubicBezTo>
                  <a:cubicBezTo>
                    <a:pt x="102112" y="24460"/>
                    <a:pt x="101706" y="25121"/>
                    <a:pt x="101350" y="25641"/>
                  </a:cubicBezTo>
                  <a:cubicBezTo>
                    <a:pt x="101350" y="25832"/>
                    <a:pt x="87685" y="53950"/>
                    <a:pt x="60354" y="110020"/>
                  </a:cubicBezTo>
                  <a:cubicBezTo>
                    <a:pt x="59999" y="110541"/>
                    <a:pt x="59796" y="111214"/>
                    <a:pt x="59707" y="112001"/>
                  </a:cubicBezTo>
                  <a:cubicBezTo>
                    <a:pt x="59605" y="112801"/>
                    <a:pt x="60278" y="113195"/>
                    <a:pt x="61688" y="113195"/>
                  </a:cubicBezTo>
                  <a:close/>
                  <a:moveTo>
                    <a:pt x="48988" y="138049"/>
                  </a:moveTo>
                  <a:cubicBezTo>
                    <a:pt x="47400" y="138049"/>
                    <a:pt x="46346" y="138671"/>
                    <a:pt x="45813" y="139903"/>
                  </a:cubicBezTo>
                  <a:lnTo>
                    <a:pt x="25188" y="181420"/>
                  </a:lnTo>
                  <a:cubicBezTo>
                    <a:pt x="23601" y="184785"/>
                    <a:pt x="21086" y="187058"/>
                    <a:pt x="17644" y="188303"/>
                  </a:cubicBezTo>
                  <a:cubicBezTo>
                    <a:pt x="14215" y="189535"/>
                    <a:pt x="10812" y="189268"/>
                    <a:pt x="7459" y="187516"/>
                  </a:cubicBezTo>
                  <a:cubicBezTo>
                    <a:pt x="4119" y="185928"/>
                    <a:pt x="1871" y="183401"/>
                    <a:pt x="715" y="179972"/>
                  </a:cubicBezTo>
                  <a:cubicBezTo>
                    <a:pt x="-428" y="176530"/>
                    <a:pt x="-199" y="173139"/>
                    <a:pt x="1388" y="169786"/>
                  </a:cubicBezTo>
                  <a:lnTo>
                    <a:pt x="79671" y="9779"/>
                  </a:lnTo>
                  <a:cubicBezTo>
                    <a:pt x="83011" y="3264"/>
                    <a:pt x="88307" y="0"/>
                    <a:pt x="95533" y="0"/>
                  </a:cubicBezTo>
                  <a:lnTo>
                    <a:pt x="115358" y="0"/>
                  </a:lnTo>
                  <a:cubicBezTo>
                    <a:pt x="122419" y="0"/>
                    <a:pt x="127525" y="3264"/>
                    <a:pt x="130700" y="9779"/>
                  </a:cubicBezTo>
                  <a:lnTo>
                    <a:pt x="209529" y="169786"/>
                  </a:lnTo>
                  <a:cubicBezTo>
                    <a:pt x="211281" y="173139"/>
                    <a:pt x="211548" y="176530"/>
                    <a:pt x="210316" y="179972"/>
                  </a:cubicBezTo>
                  <a:cubicBezTo>
                    <a:pt x="209071" y="183401"/>
                    <a:pt x="206887" y="185928"/>
                    <a:pt x="203712" y="187516"/>
                  </a:cubicBezTo>
                  <a:cubicBezTo>
                    <a:pt x="200359" y="189268"/>
                    <a:pt x="196956" y="189535"/>
                    <a:pt x="193527" y="188303"/>
                  </a:cubicBezTo>
                  <a:cubicBezTo>
                    <a:pt x="190085" y="187058"/>
                    <a:pt x="187570" y="184785"/>
                    <a:pt x="185983" y="181420"/>
                  </a:cubicBezTo>
                  <a:lnTo>
                    <a:pt x="165358" y="139637"/>
                  </a:lnTo>
                  <a:cubicBezTo>
                    <a:pt x="164647" y="138405"/>
                    <a:pt x="163580" y="137795"/>
                    <a:pt x="162183" y="137795"/>
                  </a:cubicBezTo>
                  <a:close/>
                </a:path>
              </a:pathLst>
            </a:custGeom>
            <a:solidFill>
              <a:srgbClr val="FFFFFF"/>
            </a:solidFill>
            <a:ln w="12700" cap="flat">
              <a:noFill/>
              <a:prstDash val="solid"/>
              <a:miter/>
            </a:ln>
          </p:spPr>
          <p:txBody>
            <a:bodyPr rtlCol="0" anchor="ctr"/>
            <a:lstStyle/>
            <a:p>
              <a:endParaRPr lang="da-DK"/>
            </a:p>
          </p:txBody>
        </p:sp>
        <p:sp>
          <p:nvSpPr>
            <p:cNvPr id="69" name="Kombinationstegning: figur 38">
              <a:extLst>
                <a:ext uri="{FF2B5EF4-FFF2-40B4-BE49-F238E27FC236}">
                  <a16:creationId xmlns:a16="http://schemas.microsoft.com/office/drawing/2014/main" id="{29787CC9-8817-4308-BF8C-2C0CD611F7E8}"/>
                </a:ext>
              </a:extLst>
            </p:cNvPr>
            <p:cNvSpPr/>
            <p:nvPr/>
          </p:nvSpPr>
          <p:spPr>
            <a:xfrm>
              <a:off x="1668970" y="6614713"/>
              <a:ext cx="119179" cy="126624"/>
            </a:xfrm>
            <a:custGeom>
              <a:avLst/>
              <a:gdLst>
                <a:gd name="connsiteX0" fmla="*/ 56337 w 181965"/>
                <a:gd name="connsiteY0" fmla="*/ 11379 h 193332"/>
                <a:gd name="connsiteX1" fmla="*/ 147320 w 181965"/>
                <a:gd name="connsiteY1" fmla="*/ 163716 h 193332"/>
                <a:gd name="connsiteX2" fmla="*/ 149288 w 181965"/>
                <a:gd name="connsiteY2" fmla="*/ 166357 h 193332"/>
                <a:gd name="connsiteX3" fmla="*/ 152349 w 181965"/>
                <a:gd name="connsiteY3" fmla="*/ 166891 h 193332"/>
                <a:gd name="connsiteX4" fmla="*/ 154851 w 181965"/>
                <a:gd name="connsiteY4" fmla="*/ 166357 h 193332"/>
                <a:gd name="connsiteX5" fmla="*/ 155524 w 181965"/>
                <a:gd name="connsiteY5" fmla="*/ 163182 h 193332"/>
                <a:gd name="connsiteX6" fmla="*/ 155524 w 181965"/>
                <a:gd name="connsiteY6" fmla="*/ 13487 h 193332"/>
                <a:gd name="connsiteX7" fmla="*/ 159347 w 181965"/>
                <a:gd name="connsiteY7" fmla="*/ 3975 h 193332"/>
                <a:gd name="connsiteX8" fmla="*/ 168745 w 181965"/>
                <a:gd name="connsiteY8" fmla="*/ 0 h 193332"/>
                <a:gd name="connsiteX9" fmla="*/ 178130 w 181965"/>
                <a:gd name="connsiteY9" fmla="*/ 3975 h 193332"/>
                <a:gd name="connsiteX10" fmla="*/ 181966 w 181965"/>
                <a:gd name="connsiteY10" fmla="*/ 13487 h 193332"/>
                <a:gd name="connsiteX11" fmla="*/ 181966 w 181965"/>
                <a:gd name="connsiteY11" fmla="*/ 176149 h 193332"/>
                <a:gd name="connsiteX12" fmla="*/ 178524 w 181965"/>
                <a:gd name="connsiteY12" fmla="*/ 184874 h 193332"/>
                <a:gd name="connsiteX13" fmla="*/ 168999 w 181965"/>
                <a:gd name="connsiteY13" fmla="*/ 189103 h 193332"/>
                <a:gd name="connsiteX14" fmla="*/ 137528 w 181965"/>
                <a:gd name="connsiteY14" fmla="*/ 189103 h 193332"/>
                <a:gd name="connsiteX15" fmla="*/ 131191 w 181965"/>
                <a:gd name="connsiteY15" fmla="*/ 187516 h 193332"/>
                <a:gd name="connsiteX16" fmla="*/ 125628 w 181965"/>
                <a:gd name="connsiteY16" fmla="*/ 181699 h 193332"/>
                <a:gd name="connsiteX17" fmla="*/ 34646 w 181965"/>
                <a:gd name="connsiteY17" fmla="*/ 29629 h 193332"/>
                <a:gd name="connsiteX18" fmla="*/ 32664 w 181965"/>
                <a:gd name="connsiteY18" fmla="*/ 27115 h 193332"/>
                <a:gd name="connsiteX19" fmla="*/ 29616 w 181965"/>
                <a:gd name="connsiteY19" fmla="*/ 26721 h 193332"/>
                <a:gd name="connsiteX20" fmla="*/ 27102 w 181965"/>
                <a:gd name="connsiteY20" fmla="*/ 27242 h 193332"/>
                <a:gd name="connsiteX21" fmla="*/ 26441 w 181965"/>
                <a:gd name="connsiteY21" fmla="*/ 30163 h 193332"/>
                <a:gd name="connsiteX22" fmla="*/ 26441 w 181965"/>
                <a:gd name="connsiteY22" fmla="*/ 179857 h 193332"/>
                <a:gd name="connsiteX23" fmla="*/ 22619 w 181965"/>
                <a:gd name="connsiteY23" fmla="*/ 189370 h 193332"/>
                <a:gd name="connsiteX24" fmla="*/ 13221 w 181965"/>
                <a:gd name="connsiteY24" fmla="*/ 193332 h 193332"/>
                <a:gd name="connsiteX25" fmla="*/ 3835 w 181965"/>
                <a:gd name="connsiteY25" fmla="*/ 189370 h 193332"/>
                <a:gd name="connsiteX26" fmla="*/ 0 w 181965"/>
                <a:gd name="connsiteY26" fmla="*/ 179857 h 193332"/>
                <a:gd name="connsiteX27" fmla="*/ 0 w 181965"/>
                <a:gd name="connsiteY27" fmla="*/ 17196 h 193332"/>
                <a:gd name="connsiteX28" fmla="*/ 3442 w 181965"/>
                <a:gd name="connsiteY28" fmla="*/ 8344 h 193332"/>
                <a:gd name="connsiteX29" fmla="*/ 12967 w 181965"/>
                <a:gd name="connsiteY29" fmla="*/ 3975 h 193332"/>
                <a:gd name="connsiteX30" fmla="*/ 44437 w 181965"/>
                <a:gd name="connsiteY30" fmla="*/ 3975 h 193332"/>
                <a:gd name="connsiteX31" fmla="*/ 50914 w 181965"/>
                <a:gd name="connsiteY31" fmla="*/ 5563 h 193332"/>
                <a:gd name="connsiteX32" fmla="*/ 56337 w 181965"/>
                <a:gd name="connsiteY32" fmla="*/ 11379 h 1933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81965" h="193332">
                  <a:moveTo>
                    <a:pt x="56337" y="11379"/>
                  </a:moveTo>
                  <a:cubicBezTo>
                    <a:pt x="56515" y="11557"/>
                    <a:pt x="86830" y="62344"/>
                    <a:pt x="147320" y="163716"/>
                  </a:cubicBezTo>
                  <a:cubicBezTo>
                    <a:pt x="148184" y="165125"/>
                    <a:pt x="148857" y="166014"/>
                    <a:pt x="149288" y="166357"/>
                  </a:cubicBezTo>
                  <a:cubicBezTo>
                    <a:pt x="149733" y="166713"/>
                    <a:pt x="150762" y="166891"/>
                    <a:pt x="152349" y="166891"/>
                  </a:cubicBezTo>
                  <a:cubicBezTo>
                    <a:pt x="153568" y="166891"/>
                    <a:pt x="154419" y="166713"/>
                    <a:pt x="154851" y="166357"/>
                  </a:cubicBezTo>
                  <a:cubicBezTo>
                    <a:pt x="155296" y="166014"/>
                    <a:pt x="155524" y="164948"/>
                    <a:pt x="155524" y="163182"/>
                  </a:cubicBezTo>
                  <a:lnTo>
                    <a:pt x="155524" y="13487"/>
                  </a:lnTo>
                  <a:cubicBezTo>
                    <a:pt x="155524" y="9792"/>
                    <a:pt x="156794" y="6617"/>
                    <a:pt x="159347" y="3975"/>
                  </a:cubicBezTo>
                  <a:cubicBezTo>
                    <a:pt x="161912" y="1334"/>
                    <a:pt x="165037" y="0"/>
                    <a:pt x="168745" y="0"/>
                  </a:cubicBezTo>
                  <a:cubicBezTo>
                    <a:pt x="172441" y="0"/>
                    <a:pt x="175578" y="1334"/>
                    <a:pt x="178130" y="3975"/>
                  </a:cubicBezTo>
                  <a:cubicBezTo>
                    <a:pt x="180683" y="6617"/>
                    <a:pt x="181966" y="9792"/>
                    <a:pt x="181966" y="13487"/>
                  </a:cubicBezTo>
                  <a:lnTo>
                    <a:pt x="181966" y="176149"/>
                  </a:lnTo>
                  <a:cubicBezTo>
                    <a:pt x="181966" y="179146"/>
                    <a:pt x="180810" y="182055"/>
                    <a:pt x="178524" y="184874"/>
                  </a:cubicBezTo>
                  <a:cubicBezTo>
                    <a:pt x="176225" y="187693"/>
                    <a:pt x="173050" y="189103"/>
                    <a:pt x="168999" y="189103"/>
                  </a:cubicBezTo>
                  <a:lnTo>
                    <a:pt x="137528" y="189103"/>
                  </a:lnTo>
                  <a:cubicBezTo>
                    <a:pt x="135242" y="189103"/>
                    <a:pt x="133121" y="188570"/>
                    <a:pt x="131191" y="187516"/>
                  </a:cubicBezTo>
                  <a:cubicBezTo>
                    <a:pt x="129235" y="186461"/>
                    <a:pt x="127394" y="184518"/>
                    <a:pt x="125628" y="181699"/>
                  </a:cubicBezTo>
                  <a:lnTo>
                    <a:pt x="34646" y="29629"/>
                  </a:lnTo>
                  <a:cubicBezTo>
                    <a:pt x="33769" y="28219"/>
                    <a:pt x="33109" y="27381"/>
                    <a:pt x="32664" y="27115"/>
                  </a:cubicBezTo>
                  <a:cubicBezTo>
                    <a:pt x="32233" y="26848"/>
                    <a:pt x="31204" y="26721"/>
                    <a:pt x="29616" y="26721"/>
                  </a:cubicBezTo>
                  <a:cubicBezTo>
                    <a:pt x="28384" y="26721"/>
                    <a:pt x="27546" y="26899"/>
                    <a:pt x="27102" y="27242"/>
                  </a:cubicBezTo>
                  <a:cubicBezTo>
                    <a:pt x="26670" y="27597"/>
                    <a:pt x="26441" y="28575"/>
                    <a:pt x="26441" y="30163"/>
                  </a:cubicBezTo>
                  <a:lnTo>
                    <a:pt x="26441" y="179857"/>
                  </a:lnTo>
                  <a:cubicBezTo>
                    <a:pt x="26441" y="183553"/>
                    <a:pt x="25171" y="186728"/>
                    <a:pt x="22619" y="189370"/>
                  </a:cubicBezTo>
                  <a:cubicBezTo>
                    <a:pt x="20066" y="192024"/>
                    <a:pt x="16916" y="193332"/>
                    <a:pt x="13221" y="193332"/>
                  </a:cubicBezTo>
                  <a:cubicBezTo>
                    <a:pt x="9512" y="193332"/>
                    <a:pt x="6388" y="192024"/>
                    <a:pt x="3835" y="189370"/>
                  </a:cubicBezTo>
                  <a:cubicBezTo>
                    <a:pt x="1283" y="186728"/>
                    <a:pt x="0" y="183553"/>
                    <a:pt x="0" y="179857"/>
                  </a:cubicBezTo>
                  <a:lnTo>
                    <a:pt x="0" y="17196"/>
                  </a:lnTo>
                  <a:cubicBezTo>
                    <a:pt x="0" y="14199"/>
                    <a:pt x="1143" y="11240"/>
                    <a:pt x="3442" y="8344"/>
                  </a:cubicBezTo>
                  <a:cubicBezTo>
                    <a:pt x="5740" y="5423"/>
                    <a:pt x="8903" y="3975"/>
                    <a:pt x="12967" y="3975"/>
                  </a:cubicBezTo>
                  <a:lnTo>
                    <a:pt x="44437" y="3975"/>
                  </a:lnTo>
                  <a:cubicBezTo>
                    <a:pt x="46901" y="3975"/>
                    <a:pt x="49060" y="4496"/>
                    <a:pt x="50914" y="5563"/>
                  </a:cubicBezTo>
                  <a:cubicBezTo>
                    <a:pt x="52768" y="6617"/>
                    <a:pt x="54572" y="8560"/>
                    <a:pt x="56337" y="11379"/>
                  </a:cubicBezTo>
                </a:path>
              </a:pathLst>
            </a:custGeom>
            <a:solidFill>
              <a:srgbClr val="FFFFFF"/>
            </a:solidFill>
            <a:ln w="12700" cap="flat">
              <a:noFill/>
              <a:prstDash val="solid"/>
              <a:miter/>
            </a:ln>
          </p:spPr>
          <p:txBody>
            <a:bodyPr rtlCol="0" anchor="ctr"/>
            <a:lstStyle/>
            <a:p>
              <a:endParaRPr lang="da-DK"/>
            </a:p>
          </p:txBody>
        </p:sp>
        <p:sp>
          <p:nvSpPr>
            <p:cNvPr id="70" name="Kombinationstegning: figur 39">
              <a:extLst>
                <a:ext uri="{FF2B5EF4-FFF2-40B4-BE49-F238E27FC236}">
                  <a16:creationId xmlns:a16="http://schemas.microsoft.com/office/drawing/2014/main" id="{A1F29C0B-BDBB-445F-AC1F-EA1C2B16266B}"/>
                </a:ext>
              </a:extLst>
            </p:cNvPr>
            <p:cNvSpPr/>
            <p:nvPr/>
          </p:nvSpPr>
          <p:spPr>
            <a:xfrm>
              <a:off x="1857782" y="6617313"/>
              <a:ext cx="120918" cy="121259"/>
            </a:xfrm>
            <a:custGeom>
              <a:avLst/>
              <a:gdLst>
                <a:gd name="connsiteX0" fmla="*/ 157899 w 184619"/>
                <a:gd name="connsiteY0" fmla="*/ 58979 h 185140"/>
                <a:gd name="connsiteX1" fmla="*/ 148514 w 184619"/>
                <a:gd name="connsiteY1" fmla="*/ 32931 h 185140"/>
                <a:gd name="connsiteX2" fmla="*/ 121133 w 184619"/>
                <a:gd name="connsiteY2" fmla="*/ 23800 h 185140"/>
                <a:gd name="connsiteX3" fmla="*/ 29616 w 184619"/>
                <a:gd name="connsiteY3" fmla="*/ 23800 h 185140"/>
                <a:gd name="connsiteX4" fmla="*/ 27241 w 184619"/>
                <a:gd name="connsiteY4" fmla="*/ 25921 h 185140"/>
                <a:gd name="connsiteX5" fmla="*/ 27241 w 184619"/>
                <a:gd name="connsiteY5" fmla="*/ 159220 h 185140"/>
                <a:gd name="connsiteX6" fmla="*/ 29616 w 184619"/>
                <a:gd name="connsiteY6" fmla="*/ 161341 h 185140"/>
                <a:gd name="connsiteX7" fmla="*/ 121133 w 184619"/>
                <a:gd name="connsiteY7" fmla="*/ 161341 h 185140"/>
                <a:gd name="connsiteX8" fmla="*/ 147714 w 184619"/>
                <a:gd name="connsiteY8" fmla="*/ 152464 h 185140"/>
                <a:gd name="connsiteX9" fmla="*/ 157899 w 184619"/>
                <a:gd name="connsiteY9" fmla="*/ 126428 h 185140"/>
                <a:gd name="connsiteX10" fmla="*/ 184620 w 184619"/>
                <a:gd name="connsiteY10" fmla="*/ 126962 h 185140"/>
                <a:gd name="connsiteX11" fmla="*/ 181038 w 184619"/>
                <a:gd name="connsiteY11" fmla="*/ 150876 h 185140"/>
                <a:gd name="connsiteX12" fmla="*/ 170332 w 184619"/>
                <a:gd name="connsiteY12" fmla="*/ 169139 h 185140"/>
                <a:gd name="connsiteX13" fmla="*/ 152209 w 184619"/>
                <a:gd name="connsiteY13" fmla="*/ 180912 h 185140"/>
                <a:gd name="connsiteX14" fmla="*/ 126416 w 184619"/>
                <a:gd name="connsiteY14" fmla="*/ 185141 h 185140"/>
                <a:gd name="connsiteX15" fmla="*/ 3175 w 184619"/>
                <a:gd name="connsiteY15" fmla="*/ 185141 h 185140"/>
                <a:gd name="connsiteX16" fmla="*/ 0 w 184619"/>
                <a:gd name="connsiteY16" fmla="*/ 181966 h 185140"/>
                <a:gd name="connsiteX17" fmla="*/ 0 w 184619"/>
                <a:gd name="connsiteY17" fmla="*/ 3175 h 185140"/>
                <a:gd name="connsiteX18" fmla="*/ 3175 w 184619"/>
                <a:gd name="connsiteY18" fmla="*/ 0 h 185140"/>
                <a:gd name="connsiteX19" fmla="*/ 126416 w 184619"/>
                <a:gd name="connsiteY19" fmla="*/ 0 h 185140"/>
                <a:gd name="connsiteX20" fmla="*/ 151816 w 184619"/>
                <a:gd name="connsiteY20" fmla="*/ 4229 h 185140"/>
                <a:gd name="connsiteX21" fmla="*/ 169926 w 184619"/>
                <a:gd name="connsiteY21" fmla="*/ 16142 h 185140"/>
                <a:gd name="connsiteX22" fmla="*/ 180911 w 184619"/>
                <a:gd name="connsiteY22" fmla="*/ 34519 h 185140"/>
                <a:gd name="connsiteX23" fmla="*/ 184620 w 184619"/>
                <a:gd name="connsiteY23" fmla="*/ 58191 h 185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84619" h="185140">
                  <a:moveTo>
                    <a:pt x="157899" y="58979"/>
                  </a:moveTo>
                  <a:cubicBezTo>
                    <a:pt x="157899" y="47701"/>
                    <a:pt x="154762" y="39014"/>
                    <a:pt x="148514" y="32931"/>
                  </a:cubicBezTo>
                  <a:cubicBezTo>
                    <a:pt x="142253" y="26848"/>
                    <a:pt x="133121" y="23800"/>
                    <a:pt x="121133" y="23800"/>
                  </a:cubicBezTo>
                  <a:lnTo>
                    <a:pt x="29616" y="23800"/>
                  </a:lnTo>
                  <a:cubicBezTo>
                    <a:pt x="28029" y="23800"/>
                    <a:pt x="27241" y="24511"/>
                    <a:pt x="27241" y="25921"/>
                  </a:cubicBezTo>
                  <a:lnTo>
                    <a:pt x="27241" y="159220"/>
                  </a:lnTo>
                  <a:cubicBezTo>
                    <a:pt x="27241" y="160630"/>
                    <a:pt x="28029" y="161341"/>
                    <a:pt x="29616" y="161341"/>
                  </a:cubicBezTo>
                  <a:lnTo>
                    <a:pt x="121133" y="161341"/>
                  </a:lnTo>
                  <a:cubicBezTo>
                    <a:pt x="132067" y="161341"/>
                    <a:pt x="140919" y="158382"/>
                    <a:pt x="147714" y="152464"/>
                  </a:cubicBezTo>
                  <a:cubicBezTo>
                    <a:pt x="154495" y="146558"/>
                    <a:pt x="157899" y="137884"/>
                    <a:pt x="157899" y="126428"/>
                  </a:cubicBezTo>
                  <a:close/>
                  <a:moveTo>
                    <a:pt x="184620" y="126962"/>
                  </a:moveTo>
                  <a:cubicBezTo>
                    <a:pt x="184620" y="135776"/>
                    <a:pt x="183426" y="143751"/>
                    <a:pt x="181038" y="150876"/>
                  </a:cubicBezTo>
                  <a:cubicBezTo>
                    <a:pt x="178664" y="158026"/>
                    <a:pt x="175095" y="164109"/>
                    <a:pt x="170332" y="169139"/>
                  </a:cubicBezTo>
                  <a:cubicBezTo>
                    <a:pt x="165570" y="174155"/>
                    <a:pt x="159525" y="178092"/>
                    <a:pt x="152209" y="180912"/>
                  </a:cubicBezTo>
                  <a:cubicBezTo>
                    <a:pt x="144894" y="183718"/>
                    <a:pt x="136296" y="185141"/>
                    <a:pt x="126416" y="185141"/>
                  </a:cubicBezTo>
                  <a:lnTo>
                    <a:pt x="3175" y="185141"/>
                  </a:lnTo>
                  <a:cubicBezTo>
                    <a:pt x="1054" y="185141"/>
                    <a:pt x="0" y="184087"/>
                    <a:pt x="0" y="181966"/>
                  </a:cubicBezTo>
                  <a:lnTo>
                    <a:pt x="0" y="3175"/>
                  </a:lnTo>
                  <a:cubicBezTo>
                    <a:pt x="0" y="1054"/>
                    <a:pt x="1054" y="0"/>
                    <a:pt x="3175" y="0"/>
                  </a:cubicBezTo>
                  <a:lnTo>
                    <a:pt x="126416" y="0"/>
                  </a:lnTo>
                  <a:cubicBezTo>
                    <a:pt x="136119" y="0"/>
                    <a:pt x="144577" y="1422"/>
                    <a:pt x="151816" y="4229"/>
                  </a:cubicBezTo>
                  <a:cubicBezTo>
                    <a:pt x="159042" y="7061"/>
                    <a:pt x="165075" y="11024"/>
                    <a:pt x="169926" y="16142"/>
                  </a:cubicBezTo>
                  <a:cubicBezTo>
                    <a:pt x="174777" y="21247"/>
                    <a:pt x="178435" y="27381"/>
                    <a:pt x="180911" y="34519"/>
                  </a:cubicBezTo>
                  <a:cubicBezTo>
                    <a:pt x="183375" y="41656"/>
                    <a:pt x="184620" y="49555"/>
                    <a:pt x="184620" y="58191"/>
                  </a:cubicBezTo>
                  <a:close/>
                </a:path>
              </a:pathLst>
            </a:custGeom>
            <a:solidFill>
              <a:srgbClr val="FFFFFF"/>
            </a:solidFill>
            <a:ln w="12700" cap="flat">
              <a:noFill/>
              <a:prstDash val="solid"/>
              <a:miter/>
            </a:ln>
          </p:spPr>
          <p:txBody>
            <a:bodyPr rtlCol="0" anchor="ctr"/>
            <a:lstStyle/>
            <a:p>
              <a:endParaRPr lang="da-DK"/>
            </a:p>
          </p:txBody>
        </p:sp>
      </p:grpSp>
    </p:spTree>
    <p:extLst>
      <p:ext uri="{BB962C8B-B14F-4D97-AF65-F5344CB8AC3E}">
        <p14:creationId xmlns:p14="http://schemas.microsoft.com/office/powerpoint/2010/main" val="309680070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B4F0584-7FAE-4D27-BC64-CB5796961BD2}"/>
              </a:ext>
            </a:extLst>
          </p:cNvPr>
          <p:cNvSpPr>
            <a:spLocks noGrp="1"/>
          </p:cNvSpPr>
          <p:nvPr>
            <p:ph type="title"/>
          </p:nvPr>
        </p:nvSpPr>
        <p:spPr>
          <a:xfrm>
            <a:off x="720001" y="644400"/>
            <a:ext cx="8423276" cy="1325563"/>
          </a:xfrm>
        </p:spPr>
        <p:txBody>
          <a:bodyPr/>
          <a:lstStyle>
            <a:lvl1pPr>
              <a:defRPr>
                <a:solidFill>
                  <a:schemeClr val="bg1"/>
                </a:solidFill>
              </a:defRPr>
            </a:lvl1pPr>
          </a:lstStyle>
          <a:p>
            <a:r>
              <a:rPr lang="da-DK"/>
              <a:t>Klik for at redigere i master</a:t>
            </a:r>
            <a:endParaRPr lang="da-DK" dirty="0"/>
          </a:p>
        </p:txBody>
      </p:sp>
      <p:sp>
        <p:nvSpPr>
          <p:cNvPr id="3" name="Pladsholder til sidefod 2">
            <a:extLst>
              <a:ext uri="{FF2B5EF4-FFF2-40B4-BE49-F238E27FC236}">
                <a16:creationId xmlns:a16="http://schemas.microsoft.com/office/drawing/2014/main" id="{E8600805-FFB5-4523-845A-EC76479CE69D}"/>
              </a:ext>
            </a:extLst>
          </p:cNvPr>
          <p:cNvSpPr>
            <a:spLocks noGrp="1"/>
          </p:cNvSpPr>
          <p:nvPr>
            <p:ph type="ftr" sz="quarter" idx="10"/>
          </p:nvPr>
        </p:nvSpPr>
        <p:spPr/>
        <p:txBody>
          <a:bodyPr/>
          <a:lstStyle>
            <a:lvl1pPr>
              <a:defRPr>
                <a:solidFill>
                  <a:schemeClr val="bg1"/>
                </a:solidFill>
              </a:defRPr>
            </a:lvl1pPr>
          </a:lstStyle>
          <a:p>
            <a:r>
              <a:rPr lang="da-DK" dirty="0"/>
              <a:t>Steno Diabetes Center Sjælland</a:t>
            </a:r>
          </a:p>
        </p:txBody>
      </p:sp>
      <p:sp>
        <p:nvSpPr>
          <p:cNvPr id="4" name="Pladsholder til slidenummer 3">
            <a:extLst>
              <a:ext uri="{FF2B5EF4-FFF2-40B4-BE49-F238E27FC236}">
                <a16:creationId xmlns:a16="http://schemas.microsoft.com/office/drawing/2014/main" id="{E93A088F-20AE-4E31-87FC-8BE51F5F1650}"/>
              </a:ext>
            </a:extLst>
          </p:cNvPr>
          <p:cNvSpPr>
            <a:spLocks noGrp="1"/>
          </p:cNvSpPr>
          <p:nvPr>
            <p:ph type="sldNum" sz="quarter" idx="11"/>
          </p:nvPr>
        </p:nvSpPr>
        <p:spPr/>
        <p:txBody>
          <a:bodyPr/>
          <a:lstStyle>
            <a:lvl1pPr>
              <a:defRPr>
                <a:solidFill>
                  <a:schemeClr val="bg1"/>
                </a:solidFill>
              </a:defRPr>
            </a:lvl1pPr>
          </a:lstStyle>
          <a:p>
            <a:r>
              <a:rPr lang="da-DK"/>
              <a:t>Side </a:t>
            </a:r>
            <a:fld id="{E796865E-AA3E-4D37-96EF-D3548B036053}" type="slidenum">
              <a:rPr lang="da-DK" smtClean="0"/>
              <a:pPr/>
              <a:t>‹nr.›</a:t>
            </a:fld>
            <a:endParaRPr lang="da-DK" dirty="0"/>
          </a:p>
        </p:txBody>
      </p:sp>
      <p:sp>
        <p:nvSpPr>
          <p:cNvPr id="5" name="Grafik 3">
            <a:extLst>
              <a:ext uri="{FF2B5EF4-FFF2-40B4-BE49-F238E27FC236}">
                <a16:creationId xmlns:a16="http://schemas.microsoft.com/office/drawing/2014/main" id="{C0FA28FD-D280-4733-B4E5-BEC25F01594C}"/>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7" name="Pladsholder til tekst 6">
            <a:extLst>
              <a:ext uri="{FF2B5EF4-FFF2-40B4-BE49-F238E27FC236}">
                <a16:creationId xmlns:a16="http://schemas.microsoft.com/office/drawing/2014/main" id="{AA70F2C7-C9B5-4E50-A3FD-4DF987475E26}"/>
              </a:ext>
            </a:extLst>
          </p:cNvPr>
          <p:cNvSpPr>
            <a:spLocks noGrp="1"/>
          </p:cNvSpPr>
          <p:nvPr>
            <p:ph type="body" sz="quarter" idx="12"/>
          </p:nvPr>
        </p:nvSpPr>
        <p:spPr>
          <a:xfrm>
            <a:off x="720725" y="2060575"/>
            <a:ext cx="8423275" cy="3781425"/>
          </a:xfrm>
        </p:spPr>
        <p:txBody>
          <a:bodyPr/>
          <a:lstStyle>
            <a:lvl1pPr marL="0" indent="0">
              <a:buNone/>
              <a:tabLst>
                <a:tab pos="2052000" algn="l"/>
              </a:tabLst>
              <a:defRPr sz="2000">
                <a:solidFill>
                  <a:schemeClr val="bg1"/>
                </a:solidFill>
              </a:defRPr>
            </a:lvl1pPr>
            <a:lvl2pPr marL="288000" indent="0">
              <a:buNone/>
              <a:defRPr>
                <a:solidFill>
                  <a:schemeClr val="bg1"/>
                </a:solidFill>
              </a:defRPr>
            </a:lvl2pPr>
            <a:lvl3pPr marL="576000" indent="0">
              <a:buNone/>
              <a:defRPr>
                <a:solidFill>
                  <a:schemeClr val="bg1"/>
                </a:solidFill>
              </a:defRPr>
            </a:lvl3pPr>
            <a:lvl4pPr marL="864000" indent="0">
              <a:buNone/>
              <a:defRPr>
                <a:solidFill>
                  <a:schemeClr val="bg1"/>
                </a:solidFill>
              </a:defRPr>
            </a:lvl4pPr>
            <a:lvl5pPr marL="1152000" indent="0">
              <a:buNone/>
              <a:defRPr>
                <a:solidFill>
                  <a:schemeClr val="bg1"/>
                </a:solidFill>
              </a:defRPr>
            </a:lvl5pPr>
          </a:lstStyle>
          <a:p>
            <a:pPr lvl="0"/>
            <a:r>
              <a:rPr lang="da-DK"/>
              <a:t>Klik for at redigere i master</a:t>
            </a:r>
          </a:p>
        </p:txBody>
      </p:sp>
      <p:sp>
        <p:nvSpPr>
          <p:cNvPr id="8" name="Grafik 1">
            <a:extLst>
              <a:ext uri="{FF2B5EF4-FFF2-40B4-BE49-F238E27FC236}">
                <a16:creationId xmlns:a16="http://schemas.microsoft.com/office/drawing/2014/main" id="{F0CBD3BE-EC0F-45A1-8310-45E5BD06C3FE}"/>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chemeClr val="bg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119166206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
    <p:bg>
      <p:bgPr>
        <a:solidFill>
          <a:schemeClr val="accent1"/>
        </a:solidFill>
        <a:effectLst/>
      </p:bgPr>
    </p:bg>
    <p:spTree>
      <p:nvGrpSpPr>
        <p:cNvPr id="1" name=""/>
        <p:cNvGrpSpPr/>
        <p:nvPr/>
      </p:nvGrpSpPr>
      <p:grpSpPr>
        <a:xfrm>
          <a:off x="0" y="0"/>
          <a:ext cx="0" cy="0"/>
          <a:chOff x="0" y="0"/>
          <a:chExt cx="0" cy="0"/>
        </a:xfrm>
      </p:grpSpPr>
      <p:sp>
        <p:nvSpPr>
          <p:cNvPr id="85" name="Grafik 3">
            <a:extLst>
              <a:ext uri="{FF2B5EF4-FFF2-40B4-BE49-F238E27FC236}">
                <a16:creationId xmlns:a16="http://schemas.microsoft.com/office/drawing/2014/main" id="{2C7B0E20-3FC6-48DC-859F-D04DE5688061}"/>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17" name="Grafik 3">
            <a:extLst>
              <a:ext uri="{FF2B5EF4-FFF2-40B4-BE49-F238E27FC236}">
                <a16:creationId xmlns:a16="http://schemas.microsoft.com/office/drawing/2014/main" id="{22DAC199-58DF-4D84-AAF6-EBC92CA52DCB}"/>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83" name="Pladsholder til sidefod 6">
            <a:extLst>
              <a:ext uri="{FF2B5EF4-FFF2-40B4-BE49-F238E27FC236}">
                <a16:creationId xmlns:a16="http://schemas.microsoft.com/office/drawing/2014/main" id="{30493520-91CF-4971-AB6F-70CE024981B5}"/>
              </a:ext>
            </a:extLst>
          </p:cNvPr>
          <p:cNvSpPr>
            <a:spLocks noGrp="1"/>
          </p:cNvSpPr>
          <p:nvPr>
            <p:ph type="ftr" sz="quarter" idx="10"/>
          </p:nvPr>
        </p:nvSpPr>
        <p:spPr>
          <a:xfrm>
            <a:off x="1242000" y="6356350"/>
            <a:ext cx="5040000" cy="180000"/>
          </a:xfrm>
        </p:spPr>
        <p:txBody>
          <a:bodyPr/>
          <a:lstStyle>
            <a:lvl1pPr>
              <a:defRPr>
                <a:solidFill>
                  <a:schemeClr val="bg1"/>
                </a:solidFill>
              </a:defRPr>
            </a:lvl1pPr>
          </a:lstStyle>
          <a:p>
            <a:r>
              <a:rPr lang="da-DK" dirty="0"/>
              <a:t>Steno Diabetes Center Sjælland</a:t>
            </a:r>
          </a:p>
        </p:txBody>
      </p:sp>
      <p:pic>
        <p:nvPicPr>
          <p:cNvPr id="12" name="Billede 11" descr="Et billede, der indeholder tegning&#10;&#10;Automatisk genereret beskrivelse">
            <a:extLst>
              <a:ext uri="{FF2B5EF4-FFF2-40B4-BE49-F238E27FC236}">
                <a16:creationId xmlns:a16="http://schemas.microsoft.com/office/drawing/2014/main" id="{5F64F2A0-3829-4AF7-B3D5-78A293220EA3}"/>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9059445" y="1812192"/>
            <a:ext cx="3139200" cy="5054400"/>
          </a:xfrm>
          <a:prstGeom prst="rect">
            <a:avLst/>
          </a:prstGeom>
        </p:spPr>
      </p:pic>
      <p:sp>
        <p:nvSpPr>
          <p:cNvPr id="82" name="Titel 81">
            <a:extLst>
              <a:ext uri="{FF2B5EF4-FFF2-40B4-BE49-F238E27FC236}">
                <a16:creationId xmlns:a16="http://schemas.microsoft.com/office/drawing/2014/main" id="{9A73AB41-7ADA-41F8-A01E-219A2EFF7DBA}"/>
              </a:ext>
            </a:extLst>
          </p:cNvPr>
          <p:cNvSpPr>
            <a:spLocks noGrp="1"/>
          </p:cNvSpPr>
          <p:nvPr>
            <p:ph type="title"/>
          </p:nvPr>
        </p:nvSpPr>
        <p:spPr>
          <a:xfrm>
            <a:off x="720001" y="1984371"/>
            <a:ext cx="5179150" cy="3857629"/>
          </a:xfrm>
        </p:spPr>
        <p:txBody>
          <a:bodyPr/>
          <a:lstStyle>
            <a:lvl1pPr>
              <a:lnSpc>
                <a:spcPts val="5300"/>
              </a:lnSpc>
              <a:defRPr sz="4800">
                <a:solidFill>
                  <a:schemeClr val="bg1"/>
                </a:solidFill>
              </a:defRPr>
            </a:lvl1pPr>
          </a:lstStyle>
          <a:p>
            <a:r>
              <a:rPr lang="da-DK"/>
              <a:t>Klik for at redigere i master</a:t>
            </a:r>
            <a:endParaRPr lang="da-DK" dirty="0"/>
          </a:p>
        </p:txBody>
      </p:sp>
    </p:spTree>
    <p:extLst>
      <p:ext uri="{BB962C8B-B14F-4D97-AF65-F5344CB8AC3E}">
        <p14:creationId xmlns:p14="http://schemas.microsoft.com/office/powerpoint/2010/main" val="41306929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med foto">
    <p:bg>
      <p:bgPr>
        <a:solidFill>
          <a:schemeClr val="accent1"/>
        </a:solidFill>
        <a:effectLst/>
      </p:bgPr>
    </p:bg>
    <p:spTree>
      <p:nvGrpSpPr>
        <p:cNvPr id="1" name=""/>
        <p:cNvGrpSpPr/>
        <p:nvPr/>
      </p:nvGrpSpPr>
      <p:grpSpPr>
        <a:xfrm>
          <a:off x="0" y="0"/>
          <a:ext cx="0" cy="0"/>
          <a:chOff x="0" y="0"/>
          <a:chExt cx="0" cy="0"/>
        </a:xfrm>
      </p:grpSpPr>
      <p:sp>
        <p:nvSpPr>
          <p:cNvPr id="3" name="Pladsholder til billede 2">
            <a:extLst>
              <a:ext uri="{FF2B5EF4-FFF2-40B4-BE49-F238E27FC236}">
                <a16:creationId xmlns:a16="http://schemas.microsoft.com/office/drawing/2014/main" id="{AF85930C-8DD0-4BFC-BB06-AB4DA2FC92EB}"/>
              </a:ext>
            </a:extLst>
          </p:cNvPr>
          <p:cNvSpPr>
            <a:spLocks noGrp="1"/>
          </p:cNvSpPr>
          <p:nvPr>
            <p:ph type="pic" sz="quarter" idx="12"/>
          </p:nvPr>
        </p:nvSpPr>
        <p:spPr>
          <a:xfrm>
            <a:off x="24384" y="0"/>
            <a:ext cx="12192000" cy="6858000"/>
          </a:xfrm>
        </p:spPr>
        <p:txBody>
          <a:bodyPr/>
          <a:lstStyle>
            <a:lvl1pPr marL="0" indent="0">
              <a:buNone/>
              <a:defRPr>
                <a:solidFill>
                  <a:schemeClr val="bg1"/>
                </a:solidFill>
              </a:defRPr>
            </a:lvl1pPr>
          </a:lstStyle>
          <a:p>
            <a:r>
              <a:rPr lang="da-DK"/>
              <a:t>Klik på ikonet for at tilføje et billede</a:t>
            </a:r>
            <a:endParaRPr lang="da-DK" dirty="0"/>
          </a:p>
        </p:txBody>
      </p:sp>
      <p:sp>
        <p:nvSpPr>
          <p:cNvPr id="83" name="Pladsholder til sidefod 6">
            <a:extLst>
              <a:ext uri="{FF2B5EF4-FFF2-40B4-BE49-F238E27FC236}">
                <a16:creationId xmlns:a16="http://schemas.microsoft.com/office/drawing/2014/main" id="{30493520-91CF-4971-AB6F-70CE024981B5}"/>
              </a:ext>
            </a:extLst>
          </p:cNvPr>
          <p:cNvSpPr>
            <a:spLocks noGrp="1"/>
          </p:cNvSpPr>
          <p:nvPr>
            <p:ph type="ftr" sz="quarter" idx="10"/>
          </p:nvPr>
        </p:nvSpPr>
        <p:spPr>
          <a:xfrm>
            <a:off x="1242000" y="6356350"/>
            <a:ext cx="5040000" cy="180000"/>
          </a:xfrm>
        </p:spPr>
        <p:txBody>
          <a:bodyPr/>
          <a:lstStyle>
            <a:lvl1pPr>
              <a:defRPr>
                <a:solidFill>
                  <a:schemeClr val="bg1"/>
                </a:solidFill>
              </a:defRPr>
            </a:lvl1pPr>
          </a:lstStyle>
          <a:p>
            <a:r>
              <a:rPr lang="da-DK" dirty="0"/>
              <a:t>Steno Diabetes Center Sjælland</a:t>
            </a:r>
          </a:p>
        </p:txBody>
      </p:sp>
      <p:sp>
        <p:nvSpPr>
          <p:cNvPr id="82" name="Titel 81">
            <a:extLst>
              <a:ext uri="{FF2B5EF4-FFF2-40B4-BE49-F238E27FC236}">
                <a16:creationId xmlns:a16="http://schemas.microsoft.com/office/drawing/2014/main" id="{9A73AB41-7ADA-41F8-A01E-219A2EFF7DBA}"/>
              </a:ext>
            </a:extLst>
          </p:cNvPr>
          <p:cNvSpPr>
            <a:spLocks noGrp="1"/>
          </p:cNvSpPr>
          <p:nvPr>
            <p:ph type="title"/>
          </p:nvPr>
        </p:nvSpPr>
        <p:spPr>
          <a:xfrm>
            <a:off x="720001" y="1984371"/>
            <a:ext cx="5179150" cy="3857629"/>
          </a:xfrm>
        </p:spPr>
        <p:txBody>
          <a:bodyPr/>
          <a:lstStyle>
            <a:lvl1pPr>
              <a:lnSpc>
                <a:spcPts val="5300"/>
              </a:lnSpc>
              <a:defRPr sz="4800">
                <a:solidFill>
                  <a:schemeClr val="bg1"/>
                </a:solidFill>
              </a:defRPr>
            </a:lvl1pPr>
          </a:lstStyle>
          <a:p>
            <a:r>
              <a:rPr lang="da-DK"/>
              <a:t>Klik for at redigere i master</a:t>
            </a:r>
            <a:endParaRPr lang="da-DK" dirty="0"/>
          </a:p>
        </p:txBody>
      </p:sp>
      <p:sp>
        <p:nvSpPr>
          <p:cNvPr id="4" name="Pladsholder til indhold 3">
            <a:extLst>
              <a:ext uri="{FF2B5EF4-FFF2-40B4-BE49-F238E27FC236}">
                <a16:creationId xmlns:a16="http://schemas.microsoft.com/office/drawing/2014/main" id="{AECF21BE-CEE4-4247-AD57-903542A99BDB}"/>
              </a:ext>
            </a:extLst>
          </p:cNvPr>
          <p:cNvSpPr>
            <a:spLocks noGrp="1"/>
          </p:cNvSpPr>
          <p:nvPr>
            <p:ph sz="quarter" idx="14"/>
          </p:nvPr>
        </p:nvSpPr>
        <p:spPr>
          <a:xfrm>
            <a:off x="719138" y="6282619"/>
            <a:ext cx="399477" cy="395182"/>
          </a:xfrm>
          <a:blipFill>
            <a:blip r:embed="rId2"/>
            <a:stretch>
              <a:fillRect/>
            </a:stretch>
          </a:blipFill>
        </p:spPr>
        <p:txBody>
          <a:bodyPr/>
          <a:lstStyle>
            <a:lvl1pPr marL="0" indent="0">
              <a:buNone/>
              <a:defRPr sz="100">
                <a:solidFill>
                  <a:schemeClr val="accent1"/>
                </a:solidFill>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5" name="Pladsholder til tekst 4">
            <a:extLst>
              <a:ext uri="{FF2B5EF4-FFF2-40B4-BE49-F238E27FC236}">
                <a16:creationId xmlns:a16="http://schemas.microsoft.com/office/drawing/2014/main" id="{9F79FBA8-321D-4A03-AC5D-9A7CA02C53D4}"/>
              </a:ext>
            </a:extLst>
          </p:cNvPr>
          <p:cNvSpPr>
            <a:spLocks noGrp="1"/>
          </p:cNvSpPr>
          <p:nvPr userDrawn="1">
            <p:ph type="body" sz="quarter" idx="13"/>
          </p:nvPr>
        </p:nvSpPr>
        <p:spPr>
          <a:xfrm>
            <a:off x="9050400" y="1804307"/>
            <a:ext cx="3139973" cy="5053693"/>
          </a:xfrm>
          <a:blipFill>
            <a:blip r:embed="rId3"/>
            <a:stretch>
              <a:fillRect/>
            </a:stretch>
          </a:blipFill>
        </p:spPr>
        <p:txBody>
          <a:bodyPr/>
          <a:lstStyle>
            <a:lvl1pPr marL="0" indent="0">
              <a:buNone/>
              <a:defRPr sz="100">
                <a:solidFill>
                  <a:schemeClr val="accent1"/>
                </a:solidFill>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Tree>
    <p:extLst>
      <p:ext uri="{BB962C8B-B14F-4D97-AF65-F5344CB8AC3E}">
        <p14:creationId xmlns:p14="http://schemas.microsoft.com/office/powerpoint/2010/main" val="382238182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tor tekst">
    <p:bg>
      <p:bgPr>
        <a:solidFill>
          <a:srgbClr val="333091"/>
        </a:solidFill>
        <a:effectLst/>
      </p:bgPr>
    </p:bg>
    <p:spTree>
      <p:nvGrpSpPr>
        <p:cNvPr id="1" name=""/>
        <p:cNvGrpSpPr/>
        <p:nvPr/>
      </p:nvGrpSpPr>
      <p:grpSpPr>
        <a:xfrm>
          <a:off x="0" y="0"/>
          <a:ext cx="0" cy="0"/>
          <a:chOff x="0" y="0"/>
          <a:chExt cx="0" cy="0"/>
        </a:xfrm>
      </p:grpSpPr>
      <p:sp>
        <p:nvSpPr>
          <p:cNvPr id="20" name="AutoShape 8">
            <a:extLst>
              <a:ext uri="{FF2B5EF4-FFF2-40B4-BE49-F238E27FC236}">
                <a16:creationId xmlns:a16="http://schemas.microsoft.com/office/drawing/2014/main" id="{B6AFE762-969B-4D53-A0C2-C25387785D16}"/>
              </a:ext>
            </a:extLst>
          </p:cNvPr>
          <p:cNvSpPr>
            <a:spLocks noChangeAspect="1" noChangeArrowheads="1" noTextEdit="1"/>
          </p:cNvSpPr>
          <p:nvPr userDrawn="1"/>
        </p:nvSpPr>
        <p:spPr bwMode="auto">
          <a:xfrm>
            <a:off x="-1596662" y="-137175"/>
            <a:ext cx="10717323" cy="541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21" name="Freeform 10">
            <a:extLst>
              <a:ext uri="{FF2B5EF4-FFF2-40B4-BE49-F238E27FC236}">
                <a16:creationId xmlns:a16="http://schemas.microsoft.com/office/drawing/2014/main" id="{4A841AA6-54CC-4D9D-89A9-6A045787CF81}"/>
              </a:ext>
            </a:extLst>
          </p:cNvPr>
          <p:cNvSpPr>
            <a:spLocks noChangeAspect="1" noEditPoints="1"/>
          </p:cNvSpPr>
          <p:nvPr userDrawn="1"/>
        </p:nvSpPr>
        <p:spPr bwMode="auto">
          <a:xfrm>
            <a:off x="719999" y="719999"/>
            <a:ext cx="10753200" cy="5421101"/>
          </a:xfrm>
          <a:custGeom>
            <a:avLst/>
            <a:gdLst>
              <a:gd name="T0" fmla="*/ 12849 w 14112"/>
              <a:gd name="T1" fmla="*/ 5764 h 7106"/>
              <a:gd name="T2" fmla="*/ 12914 w 14112"/>
              <a:gd name="T3" fmla="*/ 5783 h 7106"/>
              <a:gd name="T4" fmla="*/ 12826 w 14112"/>
              <a:gd name="T5" fmla="*/ 5908 h 7106"/>
              <a:gd name="T6" fmla="*/ 12789 w 14112"/>
              <a:gd name="T7" fmla="*/ 5965 h 7106"/>
              <a:gd name="T8" fmla="*/ 12826 w 14112"/>
              <a:gd name="T9" fmla="*/ 5908 h 7106"/>
              <a:gd name="T10" fmla="*/ 12667 w 14112"/>
              <a:gd name="T11" fmla="*/ 6047 h 7106"/>
              <a:gd name="T12" fmla="*/ 12712 w 14112"/>
              <a:gd name="T13" fmla="*/ 6098 h 7106"/>
              <a:gd name="T14" fmla="*/ 12569 w 14112"/>
              <a:gd name="T15" fmla="*/ 6156 h 7106"/>
              <a:gd name="T16" fmla="*/ 12507 w 14112"/>
              <a:gd name="T17" fmla="*/ 6184 h 7106"/>
              <a:gd name="T18" fmla="*/ 12569 w 14112"/>
              <a:gd name="T19" fmla="*/ 6156 h 7106"/>
              <a:gd name="T20" fmla="*/ 12361 w 14112"/>
              <a:gd name="T21" fmla="*/ 6187 h 7106"/>
              <a:gd name="T22" fmla="*/ 12371 w 14112"/>
              <a:gd name="T23" fmla="*/ 6254 h 7106"/>
              <a:gd name="T24" fmla="*/ 12220 w 14112"/>
              <a:gd name="T25" fmla="*/ 6225 h 7106"/>
              <a:gd name="T26" fmla="*/ 12152 w 14112"/>
              <a:gd name="T27" fmla="*/ 6216 h 7106"/>
              <a:gd name="T28" fmla="*/ 12220 w 14112"/>
              <a:gd name="T29" fmla="*/ 6225 h 7106"/>
              <a:gd name="T30" fmla="*/ 12028 w 14112"/>
              <a:gd name="T31" fmla="*/ 6139 h 7106"/>
              <a:gd name="T32" fmla="*/ 11999 w 14112"/>
              <a:gd name="T33" fmla="*/ 6201 h 7106"/>
              <a:gd name="T34" fmla="*/ 11888 w 14112"/>
              <a:gd name="T35" fmla="*/ 6095 h 7106"/>
              <a:gd name="T36" fmla="*/ 11837 w 14112"/>
              <a:gd name="T37" fmla="*/ 6050 h 7106"/>
              <a:gd name="T38" fmla="*/ 11888 w 14112"/>
              <a:gd name="T39" fmla="*/ 6095 h 7106"/>
              <a:gd name="T40" fmla="*/ 11773 w 14112"/>
              <a:gd name="T41" fmla="*/ 5918 h 7106"/>
              <a:gd name="T42" fmla="*/ 11716 w 14112"/>
              <a:gd name="T43" fmla="*/ 5955 h 7106"/>
              <a:gd name="T44" fmla="*/ 11679 w 14112"/>
              <a:gd name="T45" fmla="*/ 5806 h 7106"/>
              <a:gd name="T46" fmla="*/ 11660 w 14112"/>
              <a:gd name="T47" fmla="*/ 5741 h 7106"/>
              <a:gd name="T48" fmla="*/ 11679 w 14112"/>
              <a:gd name="T49" fmla="*/ 5806 h 7106"/>
              <a:gd name="T50" fmla="*/ 11678 w 14112"/>
              <a:gd name="T51" fmla="*/ 5595 h 7106"/>
              <a:gd name="T52" fmla="*/ 11610 w 14112"/>
              <a:gd name="T53" fmla="*/ 5595 h 7106"/>
              <a:gd name="T54" fmla="*/ 11660 w 14112"/>
              <a:gd name="T55" fmla="*/ 5450 h 7106"/>
              <a:gd name="T56" fmla="*/ 11679 w 14112"/>
              <a:gd name="T57" fmla="*/ 5385 h 7106"/>
              <a:gd name="T58" fmla="*/ 11660 w 14112"/>
              <a:gd name="T59" fmla="*/ 5450 h 7106"/>
              <a:gd name="T60" fmla="*/ 11773 w 14112"/>
              <a:gd name="T61" fmla="*/ 5272 h 7106"/>
              <a:gd name="T62" fmla="*/ 11716 w 14112"/>
              <a:gd name="T63" fmla="*/ 5235 h 7106"/>
              <a:gd name="T64" fmla="*/ 11837 w 14112"/>
              <a:gd name="T65" fmla="*/ 5140 h 7106"/>
              <a:gd name="T66" fmla="*/ 11888 w 14112"/>
              <a:gd name="T67" fmla="*/ 5096 h 7106"/>
              <a:gd name="T68" fmla="*/ 11837 w 14112"/>
              <a:gd name="T69" fmla="*/ 5140 h 7106"/>
              <a:gd name="T70" fmla="*/ 12028 w 14112"/>
              <a:gd name="T71" fmla="*/ 5052 h 7106"/>
              <a:gd name="T72" fmla="*/ 11999 w 14112"/>
              <a:gd name="T73" fmla="*/ 4990 h 7106"/>
              <a:gd name="T74" fmla="*/ 12152 w 14112"/>
              <a:gd name="T75" fmla="*/ 4975 h 7106"/>
              <a:gd name="T76" fmla="*/ 12220 w 14112"/>
              <a:gd name="T77" fmla="*/ 4965 h 7106"/>
              <a:gd name="T78" fmla="*/ 12152 w 14112"/>
              <a:gd name="T79" fmla="*/ 4975 h 7106"/>
              <a:gd name="T80" fmla="*/ 12361 w 14112"/>
              <a:gd name="T81" fmla="*/ 5004 h 7106"/>
              <a:gd name="T82" fmla="*/ 12371 w 14112"/>
              <a:gd name="T83" fmla="*/ 4936 h 7106"/>
              <a:gd name="T84" fmla="*/ 12507 w 14112"/>
              <a:gd name="T85" fmla="*/ 5007 h 7106"/>
              <a:gd name="T86" fmla="*/ 12569 w 14112"/>
              <a:gd name="T87" fmla="*/ 5035 h 7106"/>
              <a:gd name="T88" fmla="*/ 12507 w 14112"/>
              <a:gd name="T89" fmla="*/ 5007 h 7106"/>
              <a:gd name="T90" fmla="*/ 12667 w 14112"/>
              <a:gd name="T91" fmla="*/ 5144 h 7106"/>
              <a:gd name="T92" fmla="*/ 12712 w 14112"/>
              <a:gd name="T93" fmla="*/ 5092 h 7106"/>
              <a:gd name="T94" fmla="*/ 12789 w 14112"/>
              <a:gd name="T95" fmla="*/ 5225 h 7106"/>
              <a:gd name="T96" fmla="*/ 12826 w 14112"/>
              <a:gd name="T97" fmla="*/ 5282 h 7106"/>
              <a:gd name="T98" fmla="*/ 12789 w 14112"/>
              <a:gd name="T99" fmla="*/ 5225 h 7106"/>
              <a:gd name="T100" fmla="*/ 12849 w 14112"/>
              <a:gd name="T101" fmla="*/ 5427 h 7106"/>
              <a:gd name="T102" fmla="*/ 12914 w 14112"/>
              <a:gd name="T103" fmla="*/ 5408 h 7106"/>
              <a:gd name="T104" fmla="*/ 12907 w 14112"/>
              <a:gd name="T105" fmla="*/ 5561 h 7106"/>
              <a:gd name="T106" fmla="*/ 12907 w 14112"/>
              <a:gd name="T107" fmla="*/ 5629 h 7106"/>
              <a:gd name="T108" fmla="*/ 12907 w 14112"/>
              <a:gd name="T109" fmla="*/ 5561 h 7106"/>
              <a:gd name="T110" fmla="*/ 0 w 14112"/>
              <a:gd name="T111" fmla="*/ 7106 h 7106"/>
              <a:gd name="T112" fmla="*/ 14112 w 14112"/>
              <a:gd name="T113" fmla="*/ 0 h 7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14112" h="7106">
                <a:moveTo>
                  <a:pt x="12891" y="5741"/>
                </a:moveTo>
                <a:cubicBezTo>
                  <a:pt x="12873" y="5735"/>
                  <a:pt x="12854" y="5746"/>
                  <a:pt x="12849" y="5764"/>
                </a:cubicBezTo>
                <a:cubicBezTo>
                  <a:pt x="12844" y="5782"/>
                  <a:pt x="12854" y="5801"/>
                  <a:pt x="12872" y="5806"/>
                </a:cubicBezTo>
                <a:cubicBezTo>
                  <a:pt x="12890" y="5811"/>
                  <a:pt x="12909" y="5801"/>
                  <a:pt x="12914" y="5783"/>
                </a:cubicBezTo>
                <a:cubicBezTo>
                  <a:pt x="12920" y="5765"/>
                  <a:pt x="12909" y="5746"/>
                  <a:pt x="12891" y="5741"/>
                </a:cubicBezTo>
                <a:close/>
                <a:moveTo>
                  <a:pt x="12826" y="5908"/>
                </a:moveTo>
                <a:cubicBezTo>
                  <a:pt x="12810" y="5898"/>
                  <a:pt x="12789" y="5903"/>
                  <a:pt x="12779" y="5918"/>
                </a:cubicBezTo>
                <a:cubicBezTo>
                  <a:pt x="12768" y="5934"/>
                  <a:pt x="12773" y="5955"/>
                  <a:pt x="12789" y="5965"/>
                </a:cubicBezTo>
                <a:cubicBezTo>
                  <a:pt x="12805" y="5976"/>
                  <a:pt x="12826" y="5971"/>
                  <a:pt x="12836" y="5955"/>
                </a:cubicBezTo>
                <a:cubicBezTo>
                  <a:pt x="12846" y="5939"/>
                  <a:pt x="12841" y="5918"/>
                  <a:pt x="12826" y="5908"/>
                </a:cubicBezTo>
                <a:close/>
                <a:moveTo>
                  <a:pt x="12715" y="6050"/>
                </a:moveTo>
                <a:cubicBezTo>
                  <a:pt x="12703" y="6036"/>
                  <a:pt x="12681" y="6035"/>
                  <a:pt x="12667" y="6047"/>
                </a:cubicBezTo>
                <a:cubicBezTo>
                  <a:pt x="12653" y="6059"/>
                  <a:pt x="12651" y="6081"/>
                  <a:pt x="12664" y="6095"/>
                </a:cubicBezTo>
                <a:cubicBezTo>
                  <a:pt x="12676" y="6109"/>
                  <a:pt x="12698" y="6111"/>
                  <a:pt x="12712" y="6098"/>
                </a:cubicBezTo>
                <a:cubicBezTo>
                  <a:pt x="12726" y="6086"/>
                  <a:pt x="12727" y="6065"/>
                  <a:pt x="12715" y="6050"/>
                </a:cubicBezTo>
                <a:close/>
                <a:moveTo>
                  <a:pt x="12569" y="6156"/>
                </a:moveTo>
                <a:cubicBezTo>
                  <a:pt x="12561" y="6139"/>
                  <a:pt x="12541" y="6131"/>
                  <a:pt x="12524" y="6139"/>
                </a:cubicBezTo>
                <a:cubicBezTo>
                  <a:pt x="12507" y="6147"/>
                  <a:pt x="12499" y="6167"/>
                  <a:pt x="12507" y="6184"/>
                </a:cubicBezTo>
                <a:cubicBezTo>
                  <a:pt x="12515" y="6201"/>
                  <a:pt x="12535" y="6209"/>
                  <a:pt x="12552" y="6201"/>
                </a:cubicBezTo>
                <a:cubicBezTo>
                  <a:pt x="12569" y="6193"/>
                  <a:pt x="12577" y="6173"/>
                  <a:pt x="12569" y="6156"/>
                </a:cubicBezTo>
                <a:close/>
                <a:moveTo>
                  <a:pt x="12399" y="6216"/>
                </a:moveTo>
                <a:cubicBezTo>
                  <a:pt x="12397" y="6197"/>
                  <a:pt x="12379" y="6184"/>
                  <a:pt x="12361" y="6187"/>
                </a:cubicBezTo>
                <a:cubicBezTo>
                  <a:pt x="12342" y="6189"/>
                  <a:pt x="12329" y="6207"/>
                  <a:pt x="12332" y="6225"/>
                </a:cubicBezTo>
                <a:cubicBezTo>
                  <a:pt x="12335" y="6244"/>
                  <a:pt x="12352" y="6257"/>
                  <a:pt x="12371" y="6254"/>
                </a:cubicBezTo>
                <a:cubicBezTo>
                  <a:pt x="12389" y="6251"/>
                  <a:pt x="12402" y="6234"/>
                  <a:pt x="12399" y="6216"/>
                </a:cubicBezTo>
                <a:close/>
                <a:moveTo>
                  <a:pt x="12220" y="6225"/>
                </a:moveTo>
                <a:cubicBezTo>
                  <a:pt x="12222" y="6207"/>
                  <a:pt x="12209" y="6189"/>
                  <a:pt x="12191" y="6187"/>
                </a:cubicBezTo>
                <a:cubicBezTo>
                  <a:pt x="12172" y="6184"/>
                  <a:pt x="12155" y="6197"/>
                  <a:pt x="12152" y="6216"/>
                </a:cubicBezTo>
                <a:cubicBezTo>
                  <a:pt x="12150" y="6234"/>
                  <a:pt x="12163" y="6251"/>
                  <a:pt x="12181" y="6254"/>
                </a:cubicBezTo>
                <a:cubicBezTo>
                  <a:pt x="12200" y="6257"/>
                  <a:pt x="12217" y="6244"/>
                  <a:pt x="12220" y="6225"/>
                </a:cubicBezTo>
                <a:close/>
                <a:moveTo>
                  <a:pt x="12044" y="6184"/>
                </a:moveTo>
                <a:cubicBezTo>
                  <a:pt x="12052" y="6167"/>
                  <a:pt x="12045" y="6147"/>
                  <a:pt x="12028" y="6139"/>
                </a:cubicBezTo>
                <a:cubicBezTo>
                  <a:pt x="12011" y="6131"/>
                  <a:pt x="11990" y="6139"/>
                  <a:pt x="11983" y="6156"/>
                </a:cubicBezTo>
                <a:cubicBezTo>
                  <a:pt x="11975" y="6173"/>
                  <a:pt x="11982" y="6193"/>
                  <a:pt x="11999" y="6201"/>
                </a:cubicBezTo>
                <a:cubicBezTo>
                  <a:pt x="12016" y="6209"/>
                  <a:pt x="12037" y="6201"/>
                  <a:pt x="12044" y="6184"/>
                </a:cubicBezTo>
                <a:close/>
                <a:moveTo>
                  <a:pt x="11888" y="6095"/>
                </a:moveTo>
                <a:cubicBezTo>
                  <a:pt x="11900" y="6081"/>
                  <a:pt x="11899" y="6059"/>
                  <a:pt x="11885" y="6047"/>
                </a:cubicBezTo>
                <a:cubicBezTo>
                  <a:pt x="11870" y="6035"/>
                  <a:pt x="11849" y="6036"/>
                  <a:pt x="11837" y="6050"/>
                </a:cubicBezTo>
                <a:cubicBezTo>
                  <a:pt x="11824" y="6065"/>
                  <a:pt x="11826" y="6086"/>
                  <a:pt x="11840" y="6098"/>
                </a:cubicBezTo>
                <a:cubicBezTo>
                  <a:pt x="11854" y="6111"/>
                  <a:pt x="11876" y="6109"/>
                  <a:pt x="11888" y="6095"/>
                </a:cubicBezTo>
                <a:close/>
                <a:moveTo>
                  <a:pt x="11763" y="5965"/>
                </a:moveTo>
                <a:cubicBezTo>
                  <a:pt x="11779" y="5955"/>
                  <a:pt x="11783" y="5934"/>
                  <a:pt x="11773" y="5918"/>
                </a:cubicBezTo>
                <a:cubicBezTo>
                  <a:pt x="11763" y="5903"/>
                  <a:pt x="11742" y="5898"/>
                  <a:pt x="11726" y="5908"/>
                </a:cubicBezTo>
                <a:cubicBezTo>
                  <a:pt x="11710" y="5918"/>
                  <a:pt x="11706" y="5939"/>
                  <a:pt x="11716" y="5955"/>
                </a:cubicBezTo>
                <a:cubicBezTo>
                  <a:pt x="11726" y="5971"/>
                  <a:pt x="11747" y="5976"/>
                  <a:pt x="11763" y="5965"/>
                </a:cubicBezTo>
                <a:close/>
                <a:moveTo>
                  <a:pt x="11679" y="5806"/>
                </a:moveTo>
                <a:cubicBezTo>
                  <a:pt x="11697" y="5801"/>
                  <a:pt x="11708" y="5782"/>
                  <a:pt x="11702" y="5764"/>
                </a:cubicBezTo>
                <a:cubicBezTo>
                  <a:pt x="11697" y="5746"/>
                  <a:pt x="11678" y="5735"/>
                  <a:pt x="11660" y="5741"/>
                </a:cubicBezTo>
                <a:cubicBezTo>
                  <a:pt x="11642" y="5746"/>
                  <a:pt x="11632" y="5765"/>
                  <a:pt x="11637" y="5783"/>
                </a:cubicBezTo>
                <a:cubicBezTo>
                  <a:pt x="11643" y="5801"/>
                  <a:pt x="11661" y="5811"/>
                  <a:pt x="11679" y="5806"/>
                </a:cubicBezTo>
                <a:close/>
                <a:moveTo>
                  <a:pt x="11644" y="5629"/>
                </a:moveTo>
                <a:cubicBezTo>
                  <a:pt x="11663" y="5629"/>
                  <a:pt x="11678" y="5614"/>
                  <a:pt x="11678" y="5595"/>
                </a:cubicBezTo>
                <a:cubicBezTo>
                  <a:pt x="11678" y="5576"/>
                  <a:pt x="11663" y="5561"/>
                  <a:pt x="11644" y="5561"/>
                </a:cubicBezTo>
                <a:cubicBezTo>
                  <a:pt x="11625" y="5561"/>
                  <a:pt x="11610" y="5576"/>
                  <a:pt x="11610" y="5595"/>
                </a:cubicBezTo>
                <a:cubicBezTo>
                  <a:pt x="11610" y="5614"/>
                  <a:pt x="11625" y="5629"/>
                  <a:pt x="11644" y="5629"/>
                </a:cubicBezTo>
                <a:close/>
                <a:moveTo>
                  <a:pt x="11660" y="5450"/>
                </a:moveTo>
                <a:cubicBezTo>
                  <a:pt x="11678" y="5455"/>
                  <a:pt x="11697" y="5445"/>
                  <a:pt x="11702" y="5427"/>
                </a:cubicBezTo>
                <a:cubicBezTo>
                  <a:pt x="11708" y="5409"/>
                  <a:pt x="11697" y="5390"/>
                  <a:pt x="11679" y="5385"/>
                </a:cubicBezTo>
                <a:cubicBezTo>
                  <a:pt x="11661" y="5379"/>
                  <a:pt x="11643" y="5390"/>
                  <a:pt x="11637" y="5408"/>
                </a:cubicBezTo>
                <a:cubicBezTo>
                  <a:pt x="11632" y="5426"/>
                  <a:pt x="11642" y="5445"/>
                  <a:pt x="11660" y="5450"/>
                </a:cubicBezTo>
                <a:close/>
                <a:moveTo>
                  <a:pt x="11726" y="5282"/>
                </a:moveTo>
                <a:cubicBezTo>
                  <a:pt x="11742" y="5293"/>
                  <a:pt x="11763" y="5288"/>
                  <a:pt x="11773" y="5272"/>
                </a:cubicBezTo>
                <a:cubicBezTo>
                  <a:pt x="11783" y="5256"/>
                  <a:pt x="11779" y="5235"/>
                  <a:pt x="11763" y="5225"/>
                </a:cubicBezTo>
                <a:cubicBezTo>
                  <a:pt x="11747" y="5215"/>
                  <a:pt x="11726" y="5220"/>
                  <a:pt x="11716" y="5235"/>
                </a:cubicBezTo>
                <a:cubicBezTo>
                  <a:pt x="11706" y="5251"/>
                  <a:pt x="11710" y="5272"/>
                  <a:pt x="11726" y="5282"/>
                </a:cubicBezTo>
                <a:close/>
                <a:moveTo>
                  <a:pt x="11837" y="5140"/>
                </a:moveTo>
                <a:cubicBezTo>
                  <a:pt x="11849" y="5154"/>
                  <a:pt x="11870" y="5156"/>
                  <a:pt x="11885" y="5144"/>
                </a:cubicBezTo>
                <a:cubicBezTo>
                  <a:pt x="11899" y="5131"/>
                  <a:pt x="11900" y="5110"/>
                  <a:pt x="11888" y="5096"/>
                </a:cubicBezTo>
                <a:cubicBezTo>
                  <a:pt x="11876" y="5081"/>
                  <a:pt x="11854" y="5080"/>
                  <a:pt x="11840" y="5092"/>
                </a:cubicBezTo>
                <a:cubicBezTo>
                  <a:pt x="11826" y="5105"/>
                  <a:pt x="11824" y="5126"/>
                  <a:pt x="11837" y="5140"/>
                </a:cubicBezTo>
                <a:close/>
                <a:moveTo>
                  <a:pt x="11983" y="5035"/>
                </a:moveTo>
                <a:cubicBezTo>
                  <a:pt x="11990" y="5052"/>
                  <a:pt x="12011" y="5060"/>
                  <a:pt x="12028" y="5052"/>
                </a:cubicBezTo>
                <a:cubicBezTo>
                  <a:pt x="12045" y="5044"/>
                  <a:pt x="12052" y="5024"/>
                  <a:pt x="12044" y="5007"/>
                </a:cubicBezTo>
                <a:cubicBezTo>
                  <a:pt x="12037" y="4990"/>
                  <a:pt x="12016" y="4982"/>
                  <a:pt x="11999" y="4990"/>
                </a:cubicBezTo>
                <a:cubicBezTo>
                  <a:pt x="11982" y="4998"/>
                  <a:pt x="11975" y="5018"/>
                  <a:pt x="11983" y="5035"/>
                </a:cubicBezTo>
                <a:close/>
                <a:moveTo>
                  <a:pt x="12152" y="4975"/>
                </a:moveTo>
                <a:cubicBezTo>
                  <a:pt x="12155" y="4994"/>
                  <a:pt x="12172" y="5006"/>
                  <a:pt x="12191" y="5004"/>
                </a:cubicBezTo>
                <a:cubicBezTo>
                  <a:pt x="12209" y="5001"/>
                  <a:pt x="12222" y="4984"/>
                  <a:pt x="12220" y="4965"/>
                </a:cubicBezTo>
                <a:cubicBezTo>
                  <a:pt x="12217" y="4947"/>
                  <a:pt x="12200" y="4934"/>
                  <a:pt x="12181" y="4936"/>
                </a:cubicBezTo>
                <a:cubicBezTo>
                  <a:pt x="12163" y="4939"/>
                  <a:pt x="12150" y="4956"/>
                  <a:pt x="12152" y="4975"/>
                </a:cubicBezTo>
                <a:close/>
                <a:moveTo>
                  <a:pt x="12332" y="4965"/>
                </a:moveTo>
                <a:cubicBezTo>
                  <a:pt x="12329" y="4984"/>
                  <a:pt x="12342" y="5001"/>
                  <a:pt x="12361" y="5004"/>
                </a:cubicBezTo>
                <a:cubicBezTo>
                  <a:pt x="12379" y="5006"/>
                  <a:pt x="12397" y="4994"/>
                  <a:pt x="12399" y="4975"/>
                </a:cubicBezTo>
                <a:cubicBezTo>
                  <a:pt x="12402" y="4956"/>
                  <a:pt x="12389" y="4939"/>
                  <a:pt x="12371" y="4936"/>
                </a:cubicBezTo>
                <a:cubicBezTo>
                  <a:pt x="12352" y="4934"/>
                  <a:pt x="12335" y="4947"/>
                  <a:pt x="12332" y="4965"/>
                </a:cubicBezTo>
                <a:close/>
                <a:moveTo>
                  <a:pt x="12507" y="5007"/>
                </a:moveTo>
                <a:cubicBezTo>
                  <a:pt x="12499" y="5024"/>
                  <a:pt x="12507" y="5044"/>
                  <a:pt x="12524" y="5052"/>
                </a:cubicBezTo>
                <a:cubicBezTo>
                  <a:pt x="12541" y="5060"/>
                  <a:pt x="12561" y="5052"/>
                  <a:pt x="12569" y="5035"/>
                </a:cubicBezTo>
                <a:cubicBezTo>
                  <a:pt x="12577" y="5018"/>
                  <a:pt x="12569" y="4998"/>
                  <a:pt x="12552" y="4990"/>
                </a:cubicBezTo>
                <a:cubicBezTo>
                  <a:pt x="12535" y="4982"/>
                  <a:pt x="12515" y="4990"/>
                  <a:pt x="12507" y="5007"/>
                </a:cubicBezTo>
                <a:close/>
                <a:moveTo>
                  <a:pt x="12664" y="5096"/>
                </a:moveTo>
                <a:cubicBezTo>
                  <a:pt x="12651" y="5110"/>
                  <a:pt x="12653" y="5131"/>
                  <a:pt x="12667" y="5144"/>
                </a:cubicBezTo>
                <a:cubicBezTo>
                  <a:pt x="12681" y="5156"/>
                  <a:pt x="12703" y="5154"/>
                  <a:pt x="12715" y="5140"/>
                </a:cubicBezTo>
                <a:cubicBezTo>
                  <a:pt x="12727" y="5126"/>
                  <a:pt x="12726" y="5105"/>
                  <a:pt x="12712" y="5092"/>
                </a:cubicBezTo>
                <a:cubicBezTo>
                  <a:pt x="12698" y="5080"/>
                  <a:pt x="12676" y="5081"/>
                  <a:pt x="12664" y="5096"/>
                </a:cubicBezTo>
                <a:close/>
                <a:moveTo>
                  <a:pt x="12789" y="5225"/>
                </a:moveTo>
                <a:cubicBezTo>
                  <a:pt x="12773" y="5235"/>
                  <a:pt x="12768" y="5256"/>
                  <a:pt x="12779" y="5272"/>
                </a:cubicBezTo>
                <a:cubicBezTo>
                  <a:pt x="12789" y="5288"/>
                  <a:pt x="12810" y="5293"/>
                  <a:pt x="12826" y="5282"/>
                </a:cubicBezTo>
                <a:cubicBezTo>
                  <a:pt x="12841" y="5272"/>
                  <a:pt x="12846" y="5251"/>
                  <a:pt x="12836" y="5235"/>
                </a:cubicBezTo>
                <a:cubicBezTo>
                  <a:pt x="12826" y="5220"/>
                  <a:pt x="12805" y="5215"/>
                  <a:pt x="12789" y="5225"/>
                </a:cubicBezTo>
                <a:close/>
                <a:moveTo>
                  <a:pt x="12872" y="5385"/>
                </a:moveTo>
                <a:cubicBezTo>
                  <a:pt x="12854" y="5390"/>
                  <a:pt x="12844" y="5409"/>
                  <a:pt x="12849" y="5427"/>
                </a:cubicBezTo>
                <a:cubicBezTo>
                  <a:pt x="12854" y="5445"/>
                  <a:pt x="12873" y="5455"/>
                  <a:pt x="12891" y="5450"/>
                </a:cubicBezTo>
                <a:cubicBezTo>
                  <a:pt x="12909" y="5445"/>
                  <a:pt x="12920" y="5426"/>
                  <a:pt x="12914" y="5408"/>
                </a:cubicBezTo>
                <a:cubicBezTo>
                  <a:pt x="12909" y="5390"/>
                  <a:pt x="12890" y="5379"/>
                  <a:pt x="12872" y="5385"/>
                </a:cubicBezTo>
                <a:close/>
                <a:moveTo>
                  <a:pt x="12907" y="5561"/>
                </a:moveTo>
                <a:cubicBezTo>
                  <a:pt x="12889" y="5561"/>
                  <a:pt x="12873" y="5576"/>
                  <a:pt x="12873" y="5595"/>
                </a:cubicBezTo>
                <a:cubicBezTo>
                  <a:pt x="12873" y="5614"/>
                  <a:pt x="12889" y="5629"/>
                  <a:pt x="12907" y="5629"/>
                </a:cubicBezTo>
                <a:cubicBezTo>
                  <a:pt x="12926" y="5629"/>
                  <a:pt x="12941" y="5614"/>
                  <a:pt x="12941" y="5595"/>
                </a:cubicBezTo>
                <a:cubicBezTo>
                  <a:pt x="12941" y="5576"/>
                  <a:pt x="12926" y="5561"/>
                  <a:pt x="12907" y="5561"/>
                </a:cubicBezTo>
                <a:close/>
                <a:moveTo>
                  <a:pt x="14112" y="7106"/>
                </a:moveTo>
                <a:lnTo>
                  <a:pt x="0" y="7106"/>
                </a:lnTo>
                <a:lnTo>
                  <a:pt x="0" y="0"/>
                </a:lnTo>
                <a:lnTo>
                  <a:pt x="14112" y="0"/>
                </a:lnTo>
                <a:lnTo>
                  <a:pt x="14112" y="710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 name="Pladsholder til sidefod 6">
            <a:extLst>
              <a:ext uri="{FF2B5EF4-FFF2-40B4-BE49-F238E27FC236}">
                <a16:creationId xmlns:a16="http://schemas.microsoft.com/office/drawing/2014/main" id="{EE28177C-0611-4764-BAF4-24B39DC15C89}"/>
              </a:ext>
            </a:extLst>
          </p:cNvPr>
          <p:cNvSpPr>
            <a:spLocks noGrp="1"/>
          </p:cNvSpPr>
          <p:nvPr userDrawn="1">
            <p:ph type="ftr" sz="quarter" idx="10"/>
          </p:nvPr>
        </p:nvSpPr>
        <p:spPr/>
        <p:txBody>
          <a:bodyPr/>
          <a:lstStyle>
            <a:lvl1pPr>
              <a:defRPr>
                <a:solidFill>
                  <a:schemeClr val="bg1"/>
                </a:solidFill>
              </a:defRPr>
            </a:lvl1pPr>
          </a:lstStyle>
          <a:p>
            <a:r>
              <a:rPr lang="da-DK" dirty="0"/>
              <a:t>Steno Diabetes Center Sjælland</a:t>
            </a:r>
          </a:p>
        </p:txBody>
      </p:sp>
      <p:sp>
        <p:nvSpPr>
          <p:cNvPr id="8" name="Pladsholder til slidenummer 7">
            <a:extLst>
              <a:ext uri="{FF2B5EF4-FFF2-40B4-BE49-F238E27FC236}">
                <a16:creationId xmlns:a16="http://schemas.microsoft.com/office/drawing/2014/main" id="{AABF63DB-9539-4066-A562-1EDEF54861A0}"/>
              </a:ext>
            </a:extLst>
          </p:cNvPr>
          <p:cNvSpPr>
            <a:spLocks noGrp="1"/>
          </p:cNvSpPr>
          <p:nvPr userDrawn="1">
            <p:ph type="sldNum" sz="quarter" idx="11"/>
          </p:nvPr>
        </p:nvSpPr>
        <p:spPr>
          <a:xfrm>
            <a:off x="10460797" y="6356351"/>
            <a:ext cx="1010478" cy="183598"/>
          </a:xfrm>
        </p:spPr>
        <p:txBody>
          <a:bodyPr/>
          <a:lstStyle>
            <a:lvl1pPr>
              <a:defRPr>
                <a:solidFill>
                  <a:schemeClr val="bg1"/>
                </a:solidFill>
              </a:defRPr>
            </a:lvl1pPr>
          </a:lstStyle>
          <a:p>
            <a:r>
              <a:rPr lang="da-DK" dirty="0"/>
              <a:t>Side </a:t>
            </a:r>
            <a:fld id="{E796865E-AA3E-4D37-96EF-D3548B036053}" type="slidenum">
              <a:rPr lang="da-DK" smtClean="0"/>
              <a:pPr/>
              <a:t>‹nr.›</a:t>
            </a:fld>
            <a:endParaRPr lang="da-DK" dirty="0"/>
          </a:p>
        </p:txBody>
      </p:sp>
      <p:sp>
        <p:nvSpPr>
          <p:cNvPr id="16" name="Kombinationstegning: figur 15">
            <a:extLst>
              <a:ext uri="{FF2B5EF4-FFF2-40B4-BE49-F238E27FC236}">
                <a16:creationId xmlns:a16="http://schemas.microsoft.com/office/drawing/2014/main" id="{11B99F31-DF20-4279-A62F-C01DCBD6EE81}"/>
              </a:ext>
            </a:extLst>
          </p:cNvPr>
          <p:cNvSpPr/>
          <p:nvPr userDrawn="1"/>
        </p:nvSpPr>
        <p:spPr>
          <a:xfrm>
            <a:off x="7525120" y="5645534"/>
            <a:ext cx="1917877" cy="493090"/>
          </a:xfrm>
          <a:custGeom>
            <a:avLst/>
            <a:gdLst>
              <a:gd name="connsiteX0" fmla="*/ 958939 w 1917877"/>
              <a:gd name="connsiteY0" fmla="*/ 0 h 493090"/>
              <a:gd name="connsiteX1" fmla="*/ 0 w 1917877"/>
              <a:gd name="connsiteY1" fmla="*/ 493090 h 493090"/>
              <a:gd name="connsiteX2" fmla="*/ 1917878 w 1917877"/>
              <a:gd name="connsiteY2" fmla="*/ 493090 h 493090"/>
              <a:gd name="connsiteX3" fmla="*/ 958939 w 1917877"/>
              <a:gd name="connsiteY3" fmla="*/ 0 h 493090"/>
            </a:gdLst>
            <a:ahLst/>
            <a:cxnLst>
              <a:cxn ang="0">
                <a:pos x="connsiteX0" y="connsiteY0"/>
              </a:cxn>
              <a:cxn ang="0">
                <a:pos x="connsiteX1" y="connsiteY1"/>
              </a:cxn>
              <a:cxn ang="0">
                <a:pos x="connsiteX2" y="connsiteY2"/>
              </a:cxn>
              <a:cxn ang="0">
                <a:pos x="connsiteX3" y="connsiteY3"/>
              </a:cxn>
            </a:cxnLst>
            <a:rect l="l" t="t" r="r" b="b"/>
            <a:pathLst>
              <a:path w="1917877" h="493090">
                <a:moveTo>
                  <a:pt x="958939" y="0"/>
                </a:moveTo>
                <a:cubicBezTo>
                  <a:pt x="563651" y="0"/>
                  <a:pt x="214046" y="194640"/>
                  <a:pt x="0" y="493090"/>
                </a:cubicBezTo>
                <a:lnTo>
                  <a:pt x="1917878" y="493090"/>
                </a:lnTo>
                <a:cubicBezTo>
                  <a:pt x="1703831" y="194640"/>
                  <a:pt x="1354226" y="0"/>
                  <a:pt x="958939" y="0"/>
                </a:cubicBezTo>
              </a:path>
            </a:pathLst>
          </a:custGeom>
          <a:solidFill>
            <a:schemeClr val="tx1"/>
          </a:solidFill>
          <a:ln w="12698" cap="flat">
            <a:noFill/>
            <a:prstDash val="solid"/>
            <a:miter/>
          </a:ln>
        </p:spPr>
        <p:txBody>
          <a:bodyPr rtlCol="0" anchor="ctr"/>
          <a:lstStyle/>
          <a:p>
            <a:endParaRPr lang="da-DK" dirty="0"/>
          </a:p>
        </p:txBody>
      </p:sp>
      <p:sp>
        <p:nvSpPr>
          <p:cNvPr id="18" name="Kombinationstegning: figur 17">
            <a:extLst>
              <a:ext uri="{FF2B5EF4-FFF2-40B4-BE49-F238E27FC236}">
                <a16:creationId xmlns:a16="http://schemas.microsoft.com/office/drawing/2014/main" id="{537237A8-3C87-4594-A064-241AB63E596D}"/>
              </a:ext>
            </a:extLst>
          </p:cNvPr>
          <p:cNvSpPr/>
          <p:nvPr userDrawn="1"/>
        </p:nvSpPr>
        <p:spPr>
          <a:xfrm>
            <a:off x="7304484" y="6138625"/>
            <a:ext cx="2359151" cy="720001"/>
          </a:xfrm>
          <a:custGeom>
            <a:avLst/>
            <a:gdLst>
              <a:gd name="connsiteX0" fmla="*/ 220637 w 2359151"/>
              <a:gd name="connsiteY0" fmla="*/ 0 h 720001"/>
              <a:gd name="connsiteX1" fmla="*/ 0 w 2359151"/>
              <a:gd name="connsiteY1" fmla="*/ 686486 h 720001"/>
              <a:gd name="connsiteX2" fmla="*/ 508 w 2359151"/>
              <a:gd name="connsiteY2" fmla="*/ 720001 h 720001"/>
              <a:gd name="connsiteX3" fmla="*/ 2358657 w 2359151"/>
              <a:gd name="connsiteY3" fmla="*/ 720001 h 720001"/>
              <a:gd name="connsiteX4" fmla="*/ 2359152 w 2359151"/>
              <a:gd name="connsiteY4" fmla="*/ 686486 h 720001"/>
              <a:gd name="connsiteX5" fmla="*/ 2138515 w 2359151"/>
              <a:gd name="connsiteY5" fmla="*/ 0 h 720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59151" h="720001">
                <a:moveTo>
                  <a:pt x="220637" y="0"/>
                </a:moveTo>
                <a:cubicBezTo>
                  <a:pt x="81928" y="193409"/>
                  <a:pt x="0" y="430314"/>
                  <a:pt x="0" y="686486"/>
                </a:cubicBezTo>
                <a:cubicBezTo>
                  <a:pt x="0" y="697700"/>
                  <a:pt x="202" y="708864"/>
                  <a:pt x="508" y="720001"/>
                </a:cubicBezTo>
                <a:lnTo>
                  <a:pt x="2358657" y="720001"/>
                </a:lnTo>
                <a:cubicBezTo>
                  <a:pt x="2358961" y="708864"/>
                  <a:pt x="2359152" y="697700"/>
                  <a:pt x="2359152" y="686486"/>
                </a:cubicBezTo>
                <a:cubicBezTo>
                  <a:pt x="2359152" y="430314"/>
                  <a:pt x="2277224" y="193409"/>
                  <a:pt x="2138515" y="0"/>
                </a:cubicBezTo>
                <a:close/>
              </a:path>
            </a:pathLst>
          </a:custGeom>
          <a:solidFill>
            <a:srgbClr val="4BDBC3"/>
          </a:solidFill>
          <a:ln w="12698" cap="flat">
            <a:noFill/>
            <a:prstDash val="solid"/>
            <a:miter/>
          </a:ln>
        </p:spPr>
        <p:txBody>
          <a:bodyPr rtlCol="0" anchor="ctr"/>
          <a:lstStyle/>
          <a:p>
            <a:endParaRPr lang="da-DK"/>
          </a:p>
        </p:txBody>
      </p:sp>
      <p:sp>
        <p:nvSpPr>
          <p:cNvPr id="10" name="Pladsholder til tekst 9">
            <a:extLst>
              <a:ext uri="{FF2B5EF4-FFF2-40B4-BE49-F238E27FC236}">
                <a16:creationId xmlns:a16="http://schemas.microsoft.com/office/drawing/2014/main" id="{A1C6CAF8-9804-49B9-8A80-D1919917D44F}"/>
              </a:ext>
            </a:extLst>
          </p:cNvPr>
          <p:cNvSpPr>
            <a:spLocks noGrp="1"/>
          </p:cNvSpPr>
          <p:nvPr userDrawn="1">
            <p:ph type="body" sz="quarter" idx="12"/>
          </p:nvPr>
        </p:nvSpPr>
        <p:spPr>
          <a:xfrm>
            <a:off x="720000" y="720000"/>
            <a:ext cx="10753200" cy="5418000"/>
          </a:xfrm>
          <a:noFill/>
        </p:spPr>
        <p:txBody>
          <a:bodyPr lIns="540000" tIns="468000" rIns="468000" bIns="648000">
            <a:noAutofit/>
          </a:bodyPr>
          <a:lstStyle>
            <a:lvl1pPr marL="0" indent="0">
              <a:lnSpc>
                <a:spcPts val="5300"/>
              </a:lnSpc>
              <a:buNone/>
              <a:defRPr sz="4800"/>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11" name="Grafik 3">
            <a:extLst>
              <a:ext uri="{FF2B5EF4-FFF2-40B4-BE49-F238E27FC236}">
                <a16:creationId xmlns:a16="http://schemas.microsoft.com/office/drawing/2014/main" id="{73D32EE2-7C3B-46D4-8D4B-67835A40614C}"/>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
        <p:nvSpPr>
          <p:cNvPr id="13" name="Grafik 3">
            <a:extLst>
              <a:ext uri="{FF2B5EF4-FFF2-40B4-BE49-F238E27FC236}">
                <a16:creationId xmlns:a16="http://schemas.microsoft.com/office/drawing/2014/main" id="{56F48A72-7359-4002-AB9D-279A51453259}"/>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bg1"/>
          </a:solidFill>
          <a:ln w="12700" cap="flat">
            <a:noFill/>
            <a:prstDash val="solid"/>
            <a:miter/>
          </a:ln>
        </p:spPr>
        <p:txBody>
          <a:bodyPr rtlCol="0" anchor="ctr"/>
          <a:lstStyle/>
          <a:p>
            <a:endParaRPr lang="da-DK" dirty="0"/>
          </a:p>
        </p:txBody>
      </p:sp>
    </p:spTree>
    <p:extLst>
      <p:ext uri="{BB962C8B-B14F-4D97-AF65-F5344CB8AC3E}">
        <p14:creationId xmlns:p14="http://schemas.microsoft.com/office/powerpoint/2010/main" val="15395798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el og indholdsobjekt">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5893802B-78D5-49E2-806E-4AFA7EECC0FF}"/>
              </a:ext>
            </a:extLst>
          </p:cNvPr>
          <p:cNvSpPr>
            <a:spLocks noGrp="1"/>
          </p:cNvSpPr>
          <p:nvPr>
            <p:ph idx="1"/>
          </p:nvPr>
        </p:nvSpPr>
        <p:spPr/>
        <p:txBody>
          <a:bodyPr>
            <a:noAutofit/>
          </a:bodyPr>
          <a:lstStyle>
            <a:lvl1pPr>
              <a:buClr>
                <a:srgbClr val="0085A1"/>
              </a:buClr>
              <a:defRPr/>
            </a:lvl1pPr>
            <a:lvl2pPr>
              <a:buClr>
                <a:srgbClr val="0085A1"/>
              </a:buClr>
              <a:defRPr/>
            </a:lvl2pPr>
            <a:lvl3pPr>
              <a:buClr>
                <a:srgbClr val="0085A1"/>
              </a:buClr>
              <a:defRPr/>
            </a:lvl3pPr>
            <a:lvl4pPr>
              <a:buClr>
                <a:srgbClr val="0085A1"/>
              </a:buClr>
              <a:defRPr/>
            </a:lvl4pPr>
            <a:lvl5pPr>
              <a:buClr>
                <a:srgbClr val="0085A1"/>
              </a:buClr>
              <a:defRPr/>
            </a:lvl5p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sidefod 6">
            <a:extLst>
              <a:ext uri="{FF2B5EF4-FFF2-40B4-BE49-F238E27FC236}">
                <a16:creationId xmlns:a16="http://schemas.microsoft.com/office/drawing/2014/main" id="{8B62F16F-4F87-423B-8242-3EFBB8FCD80D}"/>
              </a:ext>
            </a:extLst>
          </p:cNvPr>
          <p:cNvSpPr>
            <a:spLocks noGrp="1"/>
          </p:cNvSpPr>
          <p:nvPr>
            <p:ph type="ftr" sz="quarter" idx="10"/>
          </p:nvPr>
        </p:nvSpPr>
        <p:spPr/>
        <p:txBody>
          <a:bodyPr>
            <a:noAutofit/>
          </a:bodyPr>
          <a:lstStyle>
            <a:lvl1pPr>
              <a:defRPr/>
            </a:lvl1pPr>
          </a:lstStyle>
          <a:p>
            <a:r>
              <a:rPr lang="da-DK" dirty="0"/>
              <a:t>Steno Diabetes Center Sjælland</a:t>
            </a:r>
          </a:p>
        </p:txBody>
      </p:sp>
      <p:sp>
        <p:nvSpPr>
          <p:cNvPr id="8" name="Pladsholder til slidenummer 7">
            <a:extLst>
              <a:ext uri="{FF2B5EF4-FFF2-40B4-BE49-F238E27FC236}">
                <a16:creationId xmlns:a16="http://schemas.microsoft.com/office/drawing/2014/main" id="{44200989-8D5F-45A7-AFE7-266DEC1EA5CB}"/>
              </a:ext>
            </a:extLst>
          </p:cNvPr>
          <p:cNvSpPr>
            <a:spLocks noGrp="1"/>
          </p:cNvSpPr>
          <p:nvPr>
            <p:ph type="sldNum" sz="quarter" idx="11"/>
          </p:nvPr>
        </p:nvSpPr>
        <p:spPr/>
        <p:txBody>
          <a:bodyPr/>
          <a:lstStyle/>
          <a:p>
            <a:r>
              <a:rPr lang="da-DK"/>
              <a:t>Side </a:t>
            </a:r>
            <a:fld id="{E796865E-AA3E-4D37-96EF-D3548B036053}" type="slidenum">
              <a:rPr lang="da-DK" smtClean="0"/>
              <a:pPr/>
              <a:t>‹nr.›</a:t>
            </a:fld>
            <a:endParaRPr lang="da-DK" dirty="0"/>
          </a:p>
        </p:txBody>
      </p:sp>
      <p:sp>
        <p:nvSpPr>
          <p:cNvPr id="10" name="Titel 9">
            <a:extLst>
              <a:ext uri="{FF2B5EF4-FFF2-40B4-BE49-F238E27FC236}">
                <a16:creationId xmlns:a16="http://schemas.microsoft.com/office/drawing/2014/main" id="{2C9F21CF-97EA-44BB-B016-699C4229A919}"/>
              </a:ext>
            </a:extLst>
          </p:cNvPr>
          <p:cNvSpPr>
            <a:spLocks noGrp="1"/>
          </p:cNvSpPr>
          <p:nvPr>
            <p:ph type="title"/>
          </p:nvPr>
        </p:nvSpPr>
        <p:spPr>
          <a:xfrm>
            <a:off x="720000" y="644400"/>
            <a:ext cx="10751275" cy="1325563"/>
          </a:xfrm>
        </p:spPr>
        <p:txBody>
          <a:bodyPr>
            <a:noAutofit/>
          </a:bodyPr>
          <a:lstStyle/>
          <a:p>
            <a:r>
              <a:rPr lang="da-DK"/>
              <a:t>Klik for at redigere i master</a:t>
            </a:r>
            <a:endParaRPr lang="da-DK" dirty="0"/>
          </a:p>
        </p:txBody>
      </p:sp>
      <p:sp>
        <p:nvSpPr>
          <p:cNvPr id="6" name="Grafik 3">
            <a:extLst>
              <a:ext uri="{FF2B5EF4-FFF2-40B4-BE49-F238E27FC236}">
                <a16:creationId xmlns:a16="http://schemas.microsoft.com/office/drawing/2014/main" id="{34CECFED-AFBF-4F3D-AED7-02915B1E510B}"/>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4" name="Grafik 1">
            <a:extLst>
              <a:ext uri="{FF2B5EF4-FFF2-40B4-BE49-F238E27FC236}">
                <a16:creationId xmlns:a16="http://schemas.microsoft.com/office/drawing/2014/main" id="{4E44A3C6-127E-4837-B8CA-C3265F82D3EF}"/>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
        <p:nvSpPr>
          <p:cNvPr id="9" name="Grafik 3">
            <a:extLst>
              <a:ext uri="{FF2B5EF4-FFF2-40B4-BE49-F238E27FC236}">
                <a16:creationId xmlns:a16="http://schemas.microsoft.com/office/drawing/2014/main" id="{3A4C2F02-D2C7-49F0-A627-64E9AE91F986}"/>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Tree>
    <p:extLst>
      <p:ext uri="{BB962C8B-B14F-4D97-AF65-F5344CB8AC3E}">
        <p14:creationId xmlns:p14="http://schemas.microsoft.com/office/powerpoint/2010/main" val="21642431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Indhold to spalter, venstre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1D07CDB-4664-40AE-9C6A-B0A6ACC7629E}"/>
              </a:ext>
            </a:extLst>
          </p:cNvPr>
          <p:cNvSpPr>
            <a:spLocks noGrp="1"/>
          </p:cNvSpPr>
          <p:nvPr>
            <p:ph type="title"/>
          </p:nvPr>
        </p:nvSpPr>
        <p:spPr>
          <a:xfrm>
            <a:off x="720001" y="644400"/>
            <a:ext cx="5179150" cy="1325563"/>
          </a:xfrm>
        </p:spPr>
        <p:txBody>
          <a:bodyPr>
            <a:noAutofit/>
          </a:bodyPr>
          <a:lstStyle/>
          <a:p>
            <a:r>
              <a:rPr lang="da-DK"/>
              <a:t>Klik for at redigere i master</a:t>
            </a:r>
            <a:endParaRPr lang="da-DK" dirty="0"/>
          </a:p>
        </p:txBody>
      </p:sp>
      <p:sp>
        <p:nvSpPr>
          <p:cNvPr id="3" name="Pladsholder til indhold 2">
            <a:extLst>
              <a:ext uri="{FF2B5EF4-FFF2-40B4-BE49-F238E27FC236}">
                <a16:creationId xmlns:a16="http://schemas.microsoft.com/office/drawing/2014/main" id="{9E3A2955-B762-4366-8D0E-E88D62367E04}"/>
              </a:ext>
            </a:extLst>
          </p:cNvPr>
          <p:cNvSpPr>
            <a:spLocks noGrp="1"/>
          </p:cNvSpPr>
          <p:nvPr>
            <p:ph sz="half" idx="1"/>
          </p:nvPr>
        </p:nvSpPr>
        <p:spPr>
          <a:xfrm>
            <a:off x="720000" y="2060575"/>
            <a:ext cx="5179150" cy="3780000"/>
          </a:xfrm>
        </p:spPr>
        <p:txBody>
          <a:bodyPr>
            <a:noAutofit/>
          </a:bodyPr>
          <a:lstStyle>
            <a:lvl1pPr marL="0" indent="0">
              <a:buNone/>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8" name="Pladsholder til sidefod 7">
            <a:extLst>
              <a:ext uri="{FF2B5EF4-FFF2-40B4-BE49-F238E27FC236}">
                <a16:creationId xmlns:a16="http://schemas.microsoft.com/office/drawing/2014/main" id="{AC40CE5E-02CA-4810-A6C8-70F4A7C127B0}"/>
              </a:ext>
            </a:extLst>
          </p:cNvPr>
          <p:cNvSpPr>
            <a:spLocks noGrp="1"/>
          </p:cNvSpPr>
          <p:nvPr>
            <p:ph type="ftr" sz="quarter" idx="10"/>
          </p:nvPr>
        </p:nvSpPr>
        <p:spPr>
          <a:xfrm>
            <a:off x="1242000" y="6356350"/>
            <a:ext cx="5040000" cy="180000"/>
          </a:xfrm>
        </p:spPr>
        <p:txBody>
          <a:bodyPr>
            <a:noAutofit/>
          </a:bodyPr>
          <a:lstStyle/>
          <a:p>
            <a:r>
              <a:rPr lang="da-DK" dirty="0"/>
              <a:t>Steno Diabetes Center Sjælland</a:t>
            </a:r>
          </a:p>
        </p:txBody>
      </p:sp>
      <p:sp>
        <p:nvSpPr>
          <p:cNvPr id="9" name="Pladsholder til slidenummer 8">
            <a:extLst>
              <a:ext uri="{FF2B5EF4-FFF2-40B4-BE49-F238E27FC236}">
                <a16:creationId xmlns:a16="http://schemas.microsoft.com/office/drawing/2014/main" id="{5B693C66-9357-4293-8D15-29D1CA0C958D}"/>
              </a:ext>
            </a:extLst>
          </p:cNvPr>
          <p:cNvSpPr>
            <a:spLocks noGrp="1"/>
          </p:cNvSpPr>
          <p:nvPr>
            <p:ph type="sldNum" sz="quarter" idx="11"/>
          </p:nvPr>
        </p:nvSpPr>
        <p:spPr/>
        <p:txBody>
          <a:bodyPr/>
          <a:lstStyle/>
          <a:p>
            <a:r>
              <a:rPr lang="da-DK"/>
              <a:t>Side </a:t>
            </a:r>
            <a:fld id="{E796865E-AA3E-4D37-96EF-D3548B036053}" type="slidenum">
              <a:rPr lang="da-DK" smtClean="0"/>
              <a:pPr/>
              <a:t>‹nr.›</a:t>
            </a:fld>
            <a:endParaRPr lang="da-DK" dirty="0"/>
          </a:p>
        </p:txBody>
      </p:sp>
      <p:sp>
        <p:nvSpPr>
          <p:cNvPr id="7" name="Grafik 3">
            <a:extLst>
              <a:ext uri="{FF2B5EF4-FFF2-40B4-BE49-F238E27FC236}">
                <a16:creationId xmlns:a16="http://schemas.microsoft.com/office/drawing/2014/main" id="{5A6A3FEF-415B-4046-A4A1-EB4B33CB741F}"/>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10" name="Grafik 1">
            <a:extLst>
              <a:ext uri="{FF2B5EF4-FFF2-40B4-BE49-F238E27FC236}">
                <a16:creationId xmlns:a16="http://schemas.microsoft.com/office/drawing/2014/main" id="{058F9C4F-8D32-4F76-94BD-C92B55597E78}"/>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
        <p:nvSpPr>
          <p:cNvPr id="11" name="Pladsholder til indhold 2">
            <a:extLst>
              <a:ext uri="{FF2B5EF4-FFF2-40B4-BE49-F238E27FC236}">
                <a16:creationId xmlns:a16="http://schemas.microsoft.com/office/drawing/2014/main" id="{3AC7B364-014B-487D-B963-BEA956E70645}"/>
              </a:ext>
            </a:extLst>
          </p:cNvPr>
          <p:cNvSpPr>
            <a:spLocks noGrp="1"/>
          </p:cNvSpPr>
          <p:nvPr>
            <p:ph sz="half" idx="12"/>
          </p:nvPr>
        </p:nvSpPr>
        <p:spPr>
          <a:xfrm>
            <a:off x="6290235" y="719138"/>
            <a:ext cx="5179150" cy="5121437"/>
          </a:xfrm>
        </p:spPr>
        <p:txBody>
          <a:bodyPr>
            <a:noAutofit/>
          </a:bodyPr>
          <a:lstStyle>
            <a:lvl1pPr marL="0" indent="0">
              <a:buNone/>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12" name="Grafik 3">
            <a:extLst>
              <a:ext uri="{FF2B5EF4-FFF2-40B4-BE49-F238E27FC236}">
                <a16:creationId xmlns:a16="http://schemas.microsoft.com/office/drawing/2014/main" id="{2D4D5BA2-2E37-4CBD-948F-6276357789DC}"/>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13" name="Grafik 1">
            <a:extLst>
              <a:ext uri="{FF2B5EF4-FFF2-40B4-BE49-F238E27FC236}">
                <a16:creationId xmlns:a16="http://schemas.microsoft.com/office/drawing/2014/main" id="{A02DA6FB-750A-42E2-8B18-AC33524447A6}"/>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30820756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Indhold to spalter, højre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1D07CDB-4664-40AE-9C6A-B0A6ACC7629E}"/>
              </a:ext>
            </a:extLst>
          </p:cNvPr>
          <p:cNvSpPr>
            <a:spLocks noGrp="1"/>
          </p:cNvSpPr>
          <p:nvPr>
            <p:ph type="title"/>
          </p:nvPr>
        </p:nvSpPr>
        <p:spPr>
          <a:xfrm>
            <a:off x="6290235" y="644400"/>
            <a:ext cx="5179150" cy="1325563"/>
          </a:xfrm>
        </p:spPr>
        <p:txBody>
          <a:bodyPr>
            <a:noAutofit/>
          </a:bodyPr>
          <a:lstStyle/>
          <a:p>
            <a:r>
              <a:rPr lang="da-DK"/>
              <a:t>Klik for at redigere i master</a:t>
            </a:r>
            <a:endParaRPr lang="da-DK" dirty="0"/>
          </a:p>
        </p:txBody>
      </p:sp>
      <p:sp>
        <p:nvSpPr>
          <p:cNvPr id="3" name="Pladsholder til indhold 2">
            <a:extLst>
              <a:ext uri="{FF2B5EF4-FFF2-40B4-BE49-F238E27FC236}">
                <a16:creationId xmlns:a16="http://schemas.microsoft.com/office/drawing/2014/main" id="{9E3A2955-B762-4366-8D0E-E88D62367E04}"/>
              </a:ext>
            </a:extLst>
          </p:cNvPr>
          <p:cNvSpPr>
            <a:spLocks noGrp="1"/>
          </p:cNvSpPr>
          <p:nvPr>
            <p:ph sz="half" idx="1"/>
          </p:nvPr>
        </p:nvSpPr>
        <p:spPr>
          <a:xfrm>
            <a:off x="720000" y="719138"/>
            <a:ext cx="5179150" cy="5121437"/>
          </a:xfrm>
        </p:spPr>
        <p:txBody>
          <a:bodyPr>
            <a:noAutofit/>
          </a:bodyPr>
          <a:lstStyle>
            <a:lvl1pPr marL="0" indent="0">
              <a:buNone/>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8" name="Pladsholder til sidefod 7">
            <a:extLst>
              <a:ext uri="{FF2B5EF4-FFF2-40B4-BE49-F238E27FC236}">
                <a16:creationId xmlns:a16="http://schemas.microsoft.com/office/drawing/2014/main" id="{AC40CE5E-02CA-4810-A6C8-70F4A7C127B0}"/>
              </a:ext>
            </a:extLst>
          </p:cNvPr>
          <p:cNvSpPr>
            <a:spLocks noGrp="1"/>
          </p:cNvSpPr>
          <p:nvPr>
            <p:ph type="ftr" sz="quarter" idx="10"/>
          </p:nvPr>
        </p:nvSpPr>
        <p:spPr/>
        <p:txBody>
          <a:bodyPr>
            <a:noAutofit/>
          </a:bodyPr>
          <a:lstStyle/>
          <a:p>
            <a:r>
              <a:rPr lang="da-DK" dirty="0"/>
              <a:t>Steno Diabetes Center Sjælland</a:t>
            </a:r>
          </a:p>
        </p:txBody>
      </p:sp>
      <p:sp>
        <p:nvSpPr>
          <p:cNvPr id="9" name="Pladsholder til slidenummer 8">
            <a:extLst>
              <a:ext uri="{FF2B5EF4-FFF2-40B4-BE49-F238E27FC236}">
                <a16:creationId xmlns:a16="http://schemas.microsoft.com/office/drawing/2014/main" id="{5B693C66-9357-4293-8D15-29D1CA0C958D}"/>
              </a:ext>
            </a:extLst>
          </p:cNvPr>
          <p:cNvSpPr>
            <a:spLocks noGrp="1"/>
          </p:cNvSpPr>
          <p:nvPr>
            <p:ph type="sldNum" sz="quarter" idx="11"/>
          </p:nvPr>
        </p:nvSpPr>
        <p:spPr/>
        <p:txBody>
          <a:bodyPr/>
          <a:lstStyle/>
          <a:p>
            <a:r>
              <a:rPr lang="da-DK"/>
              <a:t>Side </a:t>
            </a:r>
            <a:fld id="{E796865E-AA3E-4D37-96EF-D3548B036053}" type="slidenum">
              <a:rPr lang="da-DK" smtClean="0"/>
              <a:pPr/>
              <a:t>‹nr.›</a:t>
            </a:fld>
            <a:endParaRPr lang="da-DK" dirty="0"/>
          </a:p>
        </p:txBody>
      </p:sp>
      <p:sp>
        <p:nvSpPr>
          <p:cNvPr id="7" name="Grafik 3">
            <a:extLst>
              <a:ext uri="{FF2B5EF4-FFF2-40B4-BE49-F238E27FC236}">
                <a16:creationId xmlns:a16="http://schemas.microsoft.com/office/drawing/2014/main" id="{5A6A3FEF-415B-4046-A4A1-EB4B33CB741F}"/>
              </a:ext>
            </a:extLst>
          </p:cNvPr>
          <p:cNvSpPr>
            <a:spLocks noChangeAspect="1"/>
          </p:cNvSpPr>
          <p:nvPr/>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10" name="Grafik 1">
            <a:extLst>
              <a:ext uri="{FF2B5EF4-FFF2-40B4-BE49-F238E27FC236}">
                <a16:creationId xmlns:a16="http://schemas.microsoft.com/office/drawing/2014/main" id="{058F9C4F-8D32-4F76-94BD-C92B55597E78}"/>
              </a:ext>
            </a:extLst>
          </p:cNvPr>
          <p:cNvSpPr/>
          <p:nvPr/>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
        <p:nvSpPr>
          <p:cNvPr id="11" name="Pladsholder til indhold 2">
            <a:extLst>
              <a:ext uri="{FF2B5EF4-FFF2-40B4-BE49-F238E27FC236}">
                <a16:creationId xmlns:a16="http://schemas.microsoft.com/office/drawing/2014/main" id="{3AC7B364-014B-487D-B963-BEA956E70645}"/>
              </a:ext>
            </a:extLst>
          </p:cNvPr>
          <p:cNvSpPr>
            <a:spLocks noGrp="1"/>
          </p:cNvSpPr>
          <p:nvPr>
            <p:ph sz="half" idx="12"/>
          </p:nvPr>
        </p:nvSpPr>
        <p:spPr>
          <a:xfrm>
            <a:off x="6290235" y="2060575"/>
            <a:ext cx="5179150" cy="3780000"/>
          </a:xfrm>
        </p:spPr>
        <p:txBody>
          <a:bodyPr>
            <a:noAutofit/>
          </a:bodyPr>
          <a:lstStyle>
            <a:lvl1pPr marL="0" indent="0">
              <a:buNone/>
              <a:defRPr/>
            </a:lvl1pPr>
            <a:lvl2pPr marL="288000" indent="0">
              <a:buNone/>
              <a:defRPr/>
            </a:lvl2pPr>
            <a:lvl3pPr marL="576000" indent="0">
              <a:buNone/>
              <a:defRPr/>
            </a:lvl3pPr>
            <a:lvl4pPr marL="864000" indent="0">
              <a:buNone/>
              <a:defRPr/>
            </a:lvl4pPr>
            <a:lvl5pPr marL="1152000" indent="0">
              <a:buNone/>
              <a:defRPr/>
            </a:lvl5pPr>
          </a:lstStyle>
          <a:p>
            <a:pPr lvl="0"/>
            <a:r>
              <a:rPr lang="da-DK"/>
              <a:t>Klik for at redigere i master</a:t>
            </a:r>
          </a:p>
        </p:txBody>
      </p:sp>
      <p:sp>
        <p:nvSpPr>
          <p:cNvPr id="12" name="Grafik 3">
            <a:extLst>
              <a:ext uri="{FF2B5EF4-FFF2-40B4-BE49-F238E27FC236}">
                <a16:creationId xmlns:a16="http://schemas.microsoft.com/office/drawing/2014/main" id="{C4F71865-25BB-4D00-9B3E-F0DAB29E7D2F}"/>
              </a:ext>
            </a:extLst>
          </p:cNvPr>
          <p:cNvSpPr>
            <a:spLocks noChangeAspect="1"/>
          </p:cNvSpPr>
          <p:nvPr userDrawn="1"/>
        </p:nvSpPr>
        <p:spPr>
          <a:xfrm>
            <a:off x="720000" y="6282480"/>
            <a:ext cx="334800" cy="331339"/>
          </a:xfrm>
          <a:custGeom>
            <a:avLst/>
            <a:gdLst>
              <a:gd name="connsiteX0" fmla="*/ 1062685 w 1362227"/>
              <a:gd name="connsiteY0" fmla="*/ 1043813 h 1348143"/>
              <a:gd name="connsiteX1" fmla="*/ 891350 w 1362227"/>
              <a:gd name="connsiteY1" fmla="*/ 914883 h 1348143"/>
              <a:gd name="connsiteX2" fmla="*/ 1020521 w 1362227"/>
              <a:gd name="connsiteY2" fmla="*/ 743877 h 1348143"/>
              <a:gd name="connsiteX3" fmla="*/ 1191857 w 1362227"/>
              <a:gd name="connsiteY3" fmla="*/ 872668 h 1348143"/>
              <a:gd name="connsiteX4" fmla="*/ 1062685 w 1362227"/>
              <a:gd name="connsiteY4" fmla="*/ 1043813 h 1348143"/>
              <a:gd name="connsiteX5" fmla="*/ 690156 w 1362227"/>
              <a:gd name="connsiteY5" fmla="*/ 862317 h 1348143"/>
              <a:gd name="connsiteX6" fmla="*/ 492366 w 1362227"/>
              <a:gd name="connsiteY6" fmla="*/ 713473 h 1348143"/>
              <a:gd name="connsiteX7" fmla="*/ 641388 w 1362227"/>
              <a:gd name="connsiteY7" fmla="*/ 515963 h 1348143"/>
              <a:gd name="connsiteX8" fmla="*/ 839343 w 1362227"/>
              <a:gd name="connsiteY8" fmla="*/ 664807 h 1348143"/>
              <a:gd name="connsiteX9" fmla="*/ 690156 w 1362227"/>
              <a:gd name="connsiteY9" fmla="*/ 862317 h 1348143"/>
              <a:gd name="connsiteX10" fmla="*/ 313030 w 1362227"/>
              <a:gd name="connsiteY10" fmla="*/ 634416 h 1348143"/>
              <a:gd name="connsiteX11" fmla="*/ 141630 w 1362227"/>
              <a:gd name="connsiteY11" fmla="*/ 505536 h 1348143"/>
              <a:gd name="connsiteX12" fmla="*/ 270789 w 1362227"/>
              <a:gd name="connsiteY12" fmla="*/ 334467 h 1348143"/>
              <a:gd name="connsiteX13" fmla="*/ 442278 w 1362227"/>
              <a:gd name="connsiteY13" fmla="*/ 463271 h 1348143"/>
              <a:gd name="connsiteX14" fmla="*/ 313030 w 1362227"/>
              <a:gd name="connsiteY14" fmla="*/ 634416 h 1348143"/>
              <a:gd name="connsiteX15" fmla="*/ 1362227 w 1362227"/>
              <a:gd name="connsiteY15" fmla="*/ 671627 h 1348143"/>
              <a:gd name="connsiteX16" fmla="*/ 1042137 w 1362227"/>
              <a:gd name="connsiteY16" fmla="*/ 95174 h 1348143"/>
              <a:gd name="connsiteX17" fmla="*/ 976617 w 1362227"/>
              <a:gd name="connsiteY17" fmla="*/ 151105 h 1348143"/>
              <a:gd name="connsiteX18" fmla="*/ 885889 w 1362227"/>
              <a:gd name="connsiteY18" fmla="*/ 82982 h 1348143"/>
              <a:gd name="connsiteX19" fmla="*/ 898716 w 1362227"/>
              <a:gd name="connsiteY19" fmla="*/ 27330 h 1348143"/>
              <a:gd name="connsiteX20" fmla="*/ 787997 w 1362227"/>
              <a:gd name="connsiteY20" fmla="*/ 241 h 1348143"/>
              <a:gd name="connsiteX21" fmla="*/ 696798 w 1362227"/>
              <a:gd name="connsiteY21" fmla="*/ 92735 h 1348143"/>
              <a:gd name="connsiteX22" fmla="*/ 575856 w 1362227"/>
              <a:gd name="connsiteY22" fmla="*/ 1867 h 1348143"/>
              <a:gd name="connsiteX23" fmla="*/ 575691 w 1362227"/>
              <a:gd name="connsiteY23" fmla="*/ 0 h 1348143"/>
              <a:gd name="connsiteX24" fmla="*/ 465912 w 1362227"/>
              <a:gd name="connsiteY24" fmla="*/ 26543 h 1348143"/>
              <a:gd name="connsiteX25" fmla="*/ 501993 w 1362227"/>
              <a:gd name="connsiteY25" fmla="*/ 99708 h 1348143"/>
              <a:gd name="connsiteX26" fmla="*/ 389852 w 1362227"/>
              <a:gd name="connsiteY26" fmla="*/ 248209 h 1348143"/>
              <a:gd name="connsiteX27" fmla="*/ 243853 w 1362227"/>
              <a:gd name="connsiteY27" fmla="*/ 150482 h 1348143"/>
              <a:gd name="connsiteX28" fmla="*/ 0 w 1362227"/>
              <a:gd name="connsiteY28" fmla="*/ 671627 h 1348143"/>
              <a:gd name="connsiteX29" fmla="*/ 159969 w 1362227"/>
              <a:gd name="connsiteY29" fmla="*/ 1109243 h 1348143"/>
              <a:gd name="connsiteX30" fmla="*/ 211480 w 1362227"/>
              <a:gd name="connsiteY30" fmla="*/ 1047674 h 1348143"/>
              <a:gd name="connsiteX31" fmla="*/ 279502 w 1362227"/>
              <a:gd name="connsiteY31" fmla="*/ 1098791 h 1348143"/>
              <a:gd name="connsiteX32" fmla="*/ 228181 w 1362227"/>
              <a:gd name="connsiteY32" fmla="*/ 1166609 h 1348143"/>
              <a:gd name="connsiteX33" fmla="*/ 214503 w 1362227"/>
              <a:gd name="connsiteY33" fmla="*/ 1166762 h 1348143"/>
              <a:gd name="connsiteX34" fmla="*/ 314998 w 1362227"/>
              <a:gd name="connsiteY34" fmla="*/ 1244905 h 1348143"/>
              <a:gd name="connsiteX35" fmla="*/ 355168 w 1362227"/>
              <a:gd name="connsiteY35" fmla="*/ 1226947 h 1348143"/>
              <a:gd name="connsiteX36" fmla="*/ 445846 w 1362227"/>
              <a:gd name="connsiteY36" fmla="*/ 1295362 h 1348143"/>
              <a:gd name="connsiteX37" fmla="*/ 446469 w 1362227"/>
              <a:gd name="connsiteY37" fmla="*/ 1309942 h 1348143"/>
              <a:gd name="connsiteX38" fmla="*/ 556031 w 1362227"/>
              <a:gd name="connsiteY38" fmla="*/ 1339875 h 1348143"/>
              <a:gd name="connsiteX39" fmla="*/ 634937 w 1362227"/>
              <a:gd name="connsiteY39" fmla="*/ 1285469 h 1348143"/>
              <a:gd name="connsiteX40" fmla="*/ 747573 w 1362227"/>
              <a:gd name="connsiteY40" fmla="*/ 1348143 h 1348143"/>
              <a:gd name="connsiteX41" fmla="*/ 848995 w 1362227"/>
              <a:gd name="connsiteY41" fmla="*/ 1330528 h 1348143"/>
              <a:gd name="connsiteX42" fmla="*/ 829716 w 1362227"/>
              <a:gd name="connsiteY42" fmla="*/ 1278522 h 1348143"/>
              <a:gd name="connsiteX43" fmla="*/ 941845 w 1362227"/>
              <a:gd name="connsiteY43" fmla="*/ 1130071 h 1348143"/>
              <a:gd name="connsiteX44" fmla="*/ 1085139 w 1362227"/>
              <a:gd name="connsiteY44" fmla="*/ 1218870 h 1348143"/>
              <a:gd name="connsiteX45" fmla="*/ 1362227 w 1362227"/>
              <a:gd name="connsiteY45" fmla="*/ 671627 h 1348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62227" h="1348143">
                <a:moveTo>
                  <a:pt x="1062685" y="1043813"/>
                </a:moveTo>
                <a:cubicBezTo>
                  <a:pt x="979703" y="1055497"/>
                  <a:pt x="903046" y="997763"/>
                  <a:pt x="891350" y="914883"/>
                </a:cubicBezTo>
                <a:cubicBezTo>
                  <a:pt x="879678" y="832028"/>
                  <a:pt x="937476" y="755548"/>
                  <a:pt x="1020521" y="743877"/>
                </a:cubicBezTo>
                <a:cubicBezTo>
                  <a:pt x="1103528" y="732231"/>
                  <a:pt x="1180249" y="789927"/>
                  <a:pt x="1191857" y="872668"/>
                </a:cubicBezTo>
                <a:cubicBezTo>
                  <a:pt x="1203579" y="955650"/>
                  <a:pt x="1145718" y="1032218"/>
                  <a:pt x="1062685" y="1043813"/>
                </a:cubicBezTo>
                <a:moveTo>
                  <a:pt x="690156" y="862317"/>
                </a:moveTo>
                <a:cubicBezTo>
                  <a:pt x="594411" y="875754"/>
                  <a:pt x="505828" y="809092"/>
                  <a:pt x="492366" y="713473"/>
                </a:cubicBezTo>
                <a:cubicBezTo>
                  <a:pt x="478866" y="617919"/>
                  <a:pt x="545630" y="529400"/>
                  <a:pt x="641388" y="515963"/>
                </a:cubicBezTo>
                <a:cubicBezTo>
                  <a:pt x="737324" y="502450"/>
                  <a:pt x="825881" y="569100"/>
                  <a:pt x="839343" y="664807"/>
                </a:cubicBezTo>
                <a:cubicBezTo>
                  <a:pt x="852818" y="760451"/>
                  <a:pt x="786143" y="848843"/>
                  <a:pt x="690156" y="862317"/>
                </a:cubicBezTo>
                <a:moveTo>
                  <a:pt x="313030" y="634416"/>
                </a:moveTo>
                <a:cubicBezTo>
                  <a:pt x="230035" y="646011"/>
                  <a:pt x="153302" y="588315"/>
                  <a:pt x="141630" y="505536"/>
                </a:cubicBezTo>
                <a:cubicBezTo>
                  <a:pt x="130048" y="422669"/>
                  <a:pt x="187757" y="346024"/>
                  <a:pt x="270789" y="334467"/>
                </a:cubicBezTo>
                <a:cubicBezTo>
                  <a:pt x="353847" y="322694"/>
                  <a:pt x="430606" y="380530"/>
                  <a:pt x="442278" y="463271"/>
                </a:cubicBezTo>
                <a:cubicBezTo>
                  <a:pt x="453860" y="546189"/>
                  <a:pt x="395999" y="622783"/>
                  <a:pt x="313030" y="634416"/>
                </a:cubicBezTo>
                <a:moveTo>
                  <a:pt x="1362227" y="671627"/>
                </a:moveTo>
                <a:cubicBezTo>
                  <a:pt x="1362227" y="428562"/>
                  <a:pt x="1234364" y="215341"/>
                  <a:pt x="1042137" y="95174"/>
                </a:cubicBezTo>
                <a:cubicBezTo>
                  <a:pt x="1033323" y="123990"/>
                  <a:pt x="1008545" y="146609"/>
                  <a:pt x="976617" y="151105"/>
                </a:cubicBezTo>
                <a:cubicBezTo>
                  <a:pt x="932650" y="157290"/>
                  <a:pt x="892162" y="126860"/>
                  <a:pt x="885889" y="82982"/>
                </a:cubicBezTo>
                <a:cubicBezTo>
                  <a:pt x="883018" y="62662"/>
                  <a:pt x="888136" y="43129"/>
                  <a:pt x="898716" y="27330"/>
                </a:cubicBezTo>
                <a:cubicBezTo>
                  <a:pt x="863041" y="15342"/>
                  <a:pt x="826033" y="6236"/>
                  <a:pt x="787997" y="241"/>
                </a:cubicBezTo>
                <a:cubicBezTo>
                  <a:pt x="782168" y="46939"/>
                  <a:pt x="745795" y="85890"/>
                  <a:pt x="696798" y="92735"/>
                </a:cubicBezTo>
                <a:cubicBezTo>
                  <a:pt x="638200" y="100889"/>
                  <a:pt x="584137" y="60249"/>
                  <a:pt x="575856" y="1867"/>
                </a:cubicBezTo>
                <a:cubicBezTo>
                  <a:pt x="575767" y="1245"/>
                  <a:pt x="575729" y="622"/>
                  <a:pt x="575691" y="0"/>
                </a:cubicBezTo>
                <a:cubicBezTo>
                  <a:pt x="537985" y="5855"/>
                  <a:pt x="501307" y="14796"/>
                  <a:pt x="465912" y="26543"/>
                </a:cubicBezTo>
                <a:cubicBezTo>
                  <a:pt x="484746" y="45872"/>
                  <a:pt x="497954" y="70980"/>
                  <a:pt x="501993" y="99708"/>
                </a:cubicBezTo>
                <a:cubicBezTo>
                  <a:pt x="512089" y="171577"/>
                  <a:pt x="461836" y="238112"/>
                  <a:pt x="389852" y="248209"/>
                </a:cubicBezTo>
                <a:cubicBezTo>
                  <a:pt x="322644" y="257607"/>
                  <a:pt x="260134" y="214681"/>
                  <a:pt x="243853" y="150482"/>
                </a:cubicBezTo>
                <a:cubicBezTo>
                  <a:pt x="94806" y="275184"/>
                  <a:pt x="0" y="462344"/>
                  <a:pt x="0" y="671627"/>
                </a:cubicBezTo>
                <a:cubicBezTo>
                  <a:pt x="0" y="838340"/>
                  <a:pt x="60173" y="991006"/>
                  <a:pt x="159969" y="1109243"/>
                </a:cubicBezTo>
                <a:cubicBezTo>
                  <a:pt x="158864" y="1078878"/>
                  <a:pt x="180594" y="1052005"/>
                  <a:pt x="211480" y="1047674"/>
                </a:cubicBezTo>
                <a:cubicBezTo>
                  <a:pt x="244437" y="1043026"/>
                  <a:pt x="274777" y="1065975"/>
                  <a:pt x="279502" y="1098791"/>
                </a:cubicBezTo>
                <a:cubicBezTo>
                  <a:pt x="284112" y="1131761"/>
                  <a:pt x="261176" y="1162152"/>
                  <a:pt x="228181" y="1166609"/>
                </a:cubicBezTo>
                <a:cubicBezTo>
                  <a:pt x="223533" y="1167282"/>
                  <a:pt x="218973" y="1167194"/>
                  <a:pt x="214503" y="1166762"/>
                </a:cubicBezTo>
                <a:cubicBezTo>
                  <a:pt x="245428" y="1195794"/>
                  <a:pt x="279057" y="1221981"/>
                  <a:pt x="314998" y="1244905"/>
                </a:cubicBezTo>
                <a:cubicBezTo>
                  <a:pt x="326098" y="1235634"/>
                  <a:pt x="339789" y="1229182"/>
                  <a:pt x="355168" y="1226947"/>
                </a:cubicBezTo>
                <a:cubicBezTo>
                  <a:pt x="399072" y="1221003"/>
                  <a:pt x="439674" y="1251356"/>
                  <a:pt x="445846" y="1295362"/>
                </a:cubicBezTo>
                <a:cubicBezTo>
                  <a:pt x="446532" y="1300277"/>
                  <a:pt x="446684" y="1305141"/>
                  <a:pt x="446469" y="1309942"/>
                </a:cubicBezTo>
                <a:cubicBezTo>
                  <a:pt x="481711" y="1322857"/>
                  <a:pt x="518338" y="1332903"/>
                  <a:pt x="556031" y="1339875"/>
                </a:cubicBezTo>
                <a:cubicBezTo>
                  <a:pt x="571741" y="1311415"/>
                  <a:pt x="600139" y="1290371"/>
                  <a:pt x="634937" y="1285469"/>
                </a:cubicBezTo>
                <a:cubicBezTo>
                  <a:pt x="683349" y="1278725"/>
                  <a:pt x="728650" y="1305573"/>
                  <a:pt x="747573" y="1348143"/>
                </a:cubicBezTo>
                <a:cubicBezTo>
                  <a:pt x="782206" y="1344790"/>
                  <a:pt x="816077" y="1338859"/>
                  <a:pt x="848995" y="1330528"/>
                </a:cubicBezTo>
                <a:cubicBezTo>
                  <a:pt x="839254" y="1315199"/>
                  <a:pt x="832422" y="1297686"/>
                  <a:pt x="829716" y="1278522"/>
                </a:cubicBezTo>
                <a:cubicBezTo>
                  <a:pt x="819531" y="1206640"/>
                  <a:pt x="869798" y="1140244"/>
                  <a:pt x="941845" y="1130071"/>
                </a:cubicBezTo>
                <a:cubicBezTo>
                  <a:pt x="1005967" y="1121169"/>
                  <a:pt x="1065543" y="1159789"/>
                  <a:pt x="1085139" y="1218870"/>
                </a:cubicBezTo>
                <a:cubicBezTo>
                  <a:pt x="1253198" y="1095083"/>
                  <a:pt x="1362227" y="896074"/>
                  <a:pt x="1362227" y="671627"/>
                </a:cubicBezTo>
              </a:path>
            </a:pathLst>
          </a:custGeom>
          <a:solidFill>
            <a:schemeClr val="accent1"/>
          </a:solidFill>
          <a:ln w="12700" cap="flat">
            <a:noFill/>
            <a:prstDash val="solid"/>
            <a:miter/>
          </a:ln>
        </p:spPr>
        <p:txBody>
          <a:bodyPr rtlCol="0" anchor="ctr"/>
          <a:lstStyle/>
          <a:p>
            <a:endParaRPr lang="da-DK" dirty="0"/>
          </a:p>
        </p:txBody>
      </p:sp>
      <p:sp>
        <p:nvSpPr>
          <p:cNvPr id="13" name="Grafik 1">
            <a:extLst>
              <a:ext uri="{FF2B5EF4-FFF2-40B4-BE49-F238E27FC236}">
                <a16:creationId xmlns:a16="http://schemas.microsoft.com/office/drawing/2014/main" id="{125870B5-D024-4B42-BEA5-84A63691FB1F}"/>
              </a:ext>
            </a:extLst>
          </p:cNvPr>
          <p:cNvSpPr/>
          <p:nvPr userDrawn="1"/>
        </p:nvSpPr>
        <p:spPr>
          <a:xfrm>
            <a:off x="720000" y="6120000"/>
            <a:ext cx="10749385" cy="34071"/>
          </a:xfrm>
          <a:custGeom>
            <a:avLst/>
            <a:gdLst>
              <a:gd name="connsiteX0" fmla="*/ 0 w 10749385"/>
              <a:gd name="connsiteY0" fmla="*/ 17093 h 34071"/>
              <a:gd name="connsiteX1" fmla="*/ 16965 w 10749385"/>
              <a:gd name="connsiteY1" fmla="*/ 0 h 34071"/>
              <a:gd name="connsiteX2" fmla="*/ 34058 w 10749385"/>
              <a:gd name="connsiteY2" fmla="*/ 17093 h 34071"/>
              <a:gd name="connsiteX3" fmla="*/ 16965 w 10749385"/>
              <a:gd name="connsiteY3" fmla="*/ 34071 h 34071"/>
              <a:gd name="connsiteX4" fmla="*/ 0 w 10749385"/>
              <a:gd name="connsiteY4" fmla="*/ 17093 h 34071"/>
              <a:gd name="connsiteX5" fmla="*/ 91587 w 10749385"/>
              <a:gd name="connsiteY5" fmla="*/ 17093 h 34071"/>
              <a:gd name="connsiteX6" fmla="*/ 108552 w 10749385"/>
              <a:gd name="connsiteY6" fmla="*/ 0 h 34071"/>
              <a:gd name="connsiteX7" fmla="*/ 125645 w 10749385"/>
              <a:gd name="connsiteY7" fmla="*/ 17093 h 34071"/>
              <a:gd name="connsiteX8" fmla="*/ 108552 w 10749385"/>
              <a:gd name="connsiteY8" fmla="*/ 34071 h 34071"/>
              <a:gd name="connsiteX9" fmla="*/ 91587 w 10749385"/>
              <a:gd name="connsiteY9" fmla="*/ 17093 h 34071"/>
              <a:gd name="connsiteX10" fmla="*/ 183162 w 10749385"/>
              <a:gd name="connsiteY10" fmla="*/ 17093 h 34071"/>
              <a:gd name="connsiteX11" fmla="*/ 200127 w 10749385"/>
              <a:gd name="connsiteY11" fmla="*/ 0 h 34071"/>
              <a:gd name="connsiteX12" fmla="*/ 217105 w 10749385"/>
              <a:gd name="connsiteY12" fmla="*/ 17093 h 34071"/>
              <a:gd name="connsiteX13" fmla="*/ 200127 w 10749385"/>
              <a:gd name="connsiteY13" fmla="*/ 34071 h 34071"/>
              <a:gd name="connsiteX14" fmla="*/ 183162 w 10749385"/>
              <a:gd name="connsiteY14" fmla="*/ 17093 h 34071"/>
              <a:gd name="connsiteX15" fmla="*/ 274762 w 10749385"/>
              <a:gd name="connsiteY15" fmla="*/ 17093 h 34071"/>
              <a:gd name="connsiteX16" fmla="*/ 291727 w 10749385"/>
              <a:gd name="connsiteY16" fmla="*/ 0 h 34071"/>
              <a:gd name="connsiteX17" fmla="*/ 308692 w 10749385"/>
              <a:gd name="connsiteY17" fmla="*/ 17093 h 34071"/>
              <a:gd name="connsiteX18" fmla="*/ 291727 w 10749385"/>
              <a:gd name="connsiteY18" fmla="*/ 34071 h 34071"/>
              <a:gd name="connsiteX19" fmla="*/ 274762 w 10749385"/>
              <a:gd name="connsiteY19" fmla="*/ 17093 h 34071"/>
              <a:gd name="connsiteX20" fmla="*/ 366349 w 10749385"/>
              <a:gd name="connsiteY20" fmla="*/ 17093 h 34071"/>
              <a:gd name="connsiteX21" fmla="*/ 383314 w 10749385"/>
              <a:gd name="connsiteY21" fmla="*/ 0 h 34071"/>
              <a:gd name="connsiteX22" fmla="*/ 400407 w 10749385"/>
              <a:gd name="connsiteY22" fmla="*/ 17093 h 34071"/>
              <a:gd name="connsiteX23" fmla="*/ 383314 w 10749385"/>
              <a:gd name="connsiteY23" fmla="*/ 34071 h 34071"/>
              <a:gd name="connsiteX24" fmla="*/ 366349 w 10749385"/>
              <a:gd name="connsiteY24" fmla="*/ 17093 h 34071"/>
              <a:gd name="connsiteX25" fmla="*/ 457923 w 10749385"/>
              <a:gd name="connsiteY25" fmla="*/ 17093 h 34071"/>
              <a:gd name="connsiteX26" fmla="*/ 474888 w 10749385"/>
              <a:gd name="connsiteY26" fmla="*/ 0 h 34071"/>
              <a:gd name="connsiteX27" fmla="*/ 491866 w 10749385"/>
              <a:gd name="connsiteY27" fmla="*/ 17093 h 34071"/>
              <a:gd name="connsiteX28" fmla="*/ 474888 w 10749385"/>
              <a:gd name="connsiteY28" fmla="*/ 34071 h 34071"/>
              <a:gd name="connsiteX29" fmla="*/ 457923 w 10749385"/>
              <a:gd name="connsiteY29" fmla="*/ 17093 h 34071"/>
              <a:gd name="connsiteX30" fmla="*/ 549523 w 10749385"/>
              <a:gd name="connsiteY30" fmla="*/ 17093 h 34071"/>
              <a:gd name="connsiteX31" fmla="*/ 566488 w 10749385"/>
              <a:gd name="connsiteY31" fmla="*/ 0 h 34071"/>
              <a:gd name="connsiteX32" fmla="*/ 583454 w 10749385"/>
              <a:gd name="connsiteY32" fmla="*/ 17093 h 34071"/>
              <a:gd name="connsiteX33" fmla="*/ 566488 w 10749385"/>
              <a:gd name="connsiteY33" fmla="*/ 34071 h 34071"/>
              <a:gd name="connsiteX34" fmla="*/ 549523 w 10749385"/>
              <a:gd name="connsiteY34" fmla="*/ 17093 h 34071"/>
              <a:gd name="connsiteX35" fmla="*/ 641110 w 10749385"/>
              <a:gd name="connsiteY35" fmla="*/ 17093 h 34071"/>
              <a:gd name="connsiteX36" fmla="*/ 658075 w 10749385"/>
              <a:gd name="connsiteY36" fmla="*/ 0 h 34071"/>
              <a:gd name="connsiteX37" fmla="*/ 675041 w 10749385"/>
              <a:gd name="connsiteY37" fmla="*/ 17093 h 34071"/>
              <a:gd name="connsiteX38" fmla="*/ 658075 w 10749385"/>
              <a:gd name="connsiteY38" fmla="*/ 34071 h 34071"/>
              <a:gd name="connsiteX39" fmla="*/ 641110 w 10749385"/>
              <a:gd name="connsiteY39" fmla="*/ 17093 h 34071"/>
              <a:gd name="connsiteX40" fmla="*/ 732685 w 10749385"/>
              <a:gd name="connsiteY40" fmla="*/ 17093 h 34071"/>
              <a:gd name="connsiteX41" fmla="*/ 749663 w 10749385"/>
              <a:gd name="connsiteY41" fmla="*/ 0 h 34071"/>
              <a:gd name="connsiteX42" fmla="*/ 766743 w 10749385"/>
              <a:gd name="connsiteY42" fmla="*/ 17093 h 34071"/>
              <a:gd name="connsiteX43" fmla="*/ 749663 w 10749385"/>
              <a:gd name="connsiteY43" fmla="*/ 34071 h 34071"/>
              <a:gd name="connsiteX44" fmla="*/ 732685 w 10749385"/>
              <a:gd name="connsiteY44" fmla="*/ 17093 h 34071"/>
              <a:gd name="connsiteX45" fmla="*/ 824284 w 10749385"/>
              <a:gd name="connsiteY45" fmla="*/ 17093 h 34071"/>
              <a:gd name="connsiteX46" fmla="*/ 841250 w 10749385"/>
              <a:gd name="connsiteY46" fmla="*/ 0 h 34071"/>
              <a:gd name="connsiteX47" fmla="*/ 858202 w 10749385"/>
              <a:gd name="connsiteY47" fmla="*/ 17093 h 34071"/>
              <a:gd name="connsiteX48" fmla="*/ 841250 w 10749385"/>
              <a:gd name="connsiteY48" fmla="*/ 34071 h 34071"/>
              <a:gd name="connsiteX49" fmla="*/ 824284 w 10749385"/>
              <a:gd name="connsiteY49" fmla="*/ 17093 h 34071"/>
              <a:gd name="connsiteX50" fmla="*/ 915872 w 10749385"/>
              <a:gd name="connsiteY50" fmla="*/ 17093 h 34071"/>
              <a:gd name="connsiteX51" fmla="*/ 932837 w 10749385"/>
              <a:gd name="connsiteY51" fmla="*/ 0 h 34071"/>
              <a:gd name="connsiteX52" fmla="*/ 949802 w 10749385"/>
              <a:gd name="connsiteY52" fmla="*/ 17093 h 34071"/>
              <a:gd name="connsiteX53" fmla="*/ 932837 w 10749385"/>
              <a:gd name="connsiteY53" fmla="*/ 34071 h 34071"/>
              <a:gd name="connsiteX54" fmla="*/ 915872 w 10749385"/>
              <a:gd name="connsiteY54" fmla="*/ 17093 h 34071"/>
              <a:gd name="connsiteX55" fmla="*/ 1007446 w 10749385"/>
              <a:gd name="connsiteY55" fmla="*/ 17093 h 34071"/>
              <a:gd name="connsiteX56" fmla="*/ 1024424 w 10749385"/>
              <a:gd name="connsiteY56" fmla="*/ 0 h 34071"/>
              <a:gd name="connsiteX57" fmla="*/ 1041389 w 10749385"/>
              <a:gd name="connsiteY57" fmla="*/ 17093 h 34071"/>
              <a:gd name="connsiteX58" fmla="*/ 1024424 w 10749385"/>
              <a:gd name="connsiteY58" fmla="*/ 34071 h 34071"/>
              <a:gd name="connsiteX59" fmla="*/ 1007446 w 10749385"/>
              <a:gd name="connsiteY59" fmla="*/ 17093 h 34071"/>
              <a:gd name="connsiteX60" fmla="*/ 1099046 w 10749385"/>
              <a:gd name="connsiteY60" fmla="*/ 17093 h 34071"/>
              <a:gd name="connsiteX61" fmla="*/ 1116011 w 10749385"/>
              <a:gd name="connsiteY61" fmla="*/ 0 h 34071"/>
              <a:gd name="connsiteX62" fmla="*/ 1132964 w 10749385"/>
              <a:gd name="connsiteY62" fmla="*/ 17093 h 34071"/>
              <a:gd name="connsiteX63" fmla="*/ 1116011 w 10749385"/>
              <a:gd name="connsiteY63" fmla="*/ 34071 h 34071"/>
              <a:gd name="connsiteX64" fmla="*/ 1099046 w 10749385"/>
              <a:gd name="connsiteY64" fmla="*/ 17093 h 34071"/>
              <a:gd name="connsiteX65" fmla="*/ 1190633 w 10749385"/>
              <a:gd name="connsiteY65" fmla="*/ 17093 h 34071"/>
              <a:gd name="connsiteX66" fmla="*/ 1207598 w 10749385"/>
              <a:gd name="connsiteY66" fmla="*/ 0 h 34071"/>
              <a:gd name="connsiteX67" fmla="*/ 1224564 w 10749385"/>
              <a:gd name="connsiteY67" fmla="*/ 17093 h 34071"/>
              <a:gd name="connsiteX68" fmla="*/ 1207598 w 10749385"/>
              <a:gd name="connsiteY68" fmla="*/ 34071 h 34071"/>
              <a:gd name="connsiteX69" fmla="*/ 1190633 w 10749385"/>
              <a:gd name="connsiteY69" fmla="*/ 17093 h 34071"/>
              <a:gd name="connsiteX70" fmla="*/ 1282220 w 10749385"/>
              <a:gd name="connsiteY70" fmla="*/ 17093 h 34071"/>
              <a:gd name="connsiteX71" fmla="*/ 1299186 w 10749385"/>
              <a:gd name="connsiteY71" fmla="*/ 0 h 34071"/>
              <a:gd name="connsiteX72" fmla="*/ 1316151 w 10749385"/>
              <a:gd name="connsiteY72" fmla="*/ 17093 h 34071"/>
              <a:gd name="connsiteX73" fmla="*/ 1299186 w 10749385"/>
              <a:gd name="connsiteY73" fmla="*/ 34071 h 34071"/>
              <a:gd name="connsiteX74" fmla="*/ 1282220 w 10749385"/>
              <a:gd name="connsiteY74" fmla="*/ 17093 h 34071"/>
              <a:gd name="connsiteX75" fmla="*/ 1373807 w 10749385"/>
              <a:gd name="connsiteY75" fmla="*/ 17093 h 34071"/>
              <a:gd name="connsiteX76" fmla="*/ 1390760 w 10749385"/>
              <a:gd name="connsiteY76" fmla="*/ 0 h 34071"/>
              <a:gd name="connsiteX77" fmla="*/ 1407725 w 10749385"/>
              <a:gd name="connsiteY77" fmla="*/ 17093 h 34071"/>
              <a:gd name="connsiteX78" fmla="*/ 1390760 w 10749385"/>
              <a:gd name="connsiteY78" fmla="*/ 34071 h 34071"/>
              <a:gd name="connsiteX79" fmla="*/ 1373807 w 10749385"/>
              <a:gd name="connsiteY79" fmla="*/ 17093 h 34071"/>
              <a:gd name="connsiteX80" fmla="*/ 1465395 w 10749385"/>
              <a:gd name="connsiteY80" fmla="*/ 17093 h 34071"/>
              <a:gd name="connsiteX81" fmla="*/ 1482360 w 10749385"/>
              <a:gd name="connsiteY81" fmla="*/ 0 h 34071"/>
              <a:gd name="connsiteX82" fmla="*/ 1499325 w 10749385"/>
              <a:gd name="connsiteY82" fmla="*/ 17093 h 34071"/>
              <a:gd name="connsiteX83" fmla="*/ 1482360 w 10749385"/>
              <a:gd name="connsiteY83" fmla="*/ 34071 h 34071"/>
              <a:gd name="connsiteX84" fmla="*/ 1465395 w 10749385"/>
              <a:gd name="connsiteY84" fmla="*/ 17093 h 34071"/>
              <a:gd name="connsiteX85" fmla="*/ 1556982 w 10749385"/>
              <a:gd name="connsiteY85" fmla="*/ 17093 h 34071"/>
              <a:gd name="connsiteX86" fmla="*/ 1573947 w 10749385"/>
              <a:gd name="connsiteY86" fmla="*/ 0 h 34071"/>
              <a:gd name="connsiteX87" fmla="*/ 1590912 w 10749385"/>
              <a:gd name="connsiteY87" fmla="*/ 17093 h 34071"/>
              <a:gd name="connsiteX88" fmla="*/ 1573947 w 10749385"/>
              <a:gd name="connsiteY88" fmla="*/ 34071 h 34071"/>
              <a:gd name="connsiteX89" fmla="*/ 1556982 w 10749385"/>
              <a:gd name="connsiteY89" fmla="*/ 17093 h 34071"/>
              <a:gd name="connsiteX90" fmla="*/ 1648429 w 10749385"/>
              <a:gd name="connsiteY90" fmla="*/ 17093 h 34071"/>
              <a:gd name="connsiteX91" fmla="*/ 1665521 w 10749385"/>
              <a:gd name="connsiteY91" fmla="*/ 0 h 34071"/>
              <a:gd name="connsiteX92" fmla="*/ 1682487 w 10749385"/>
              <a:gd name="connsiteY92" fmla="*/ 17093 h 34071"/>
              <a:gd name="connsiteX93" fmla="*/ 1665521 w 10749385"/>
              <a:gd name="connsiteY93" fmla="*/ 34071 h 34071"/>
              <a:gd name="connsiteX94" fmla="*/ 1648429 w 10749385"/>
              <a:gd name="connsiteY94" fmla="*/ 17093 h 34071"/>
              <a:gd name="connsiteX95" fmla="*/ 1740029 w 10749385"/>
              <a:gd name="connsiteY95" fmla="*/ 17093 h 34071"/>
              <a:gd name="connsiteX96" fmla="*/ 1757121 w 10749385"/>
              <a:gd name="connsiteY96" fmla="*/ 0 h 34071"/>
              <a:gd name="connsiteX97" fmla="*/ 1774087 w 10749385"/>
              <a:gd name="connsiteY97" fmla="*/ 17093 h 34071"/>
              <a:gd name="connsiteX98" fmla="*/ 1757121 w 10749385"/>
              <a:gd name="connsiteY98" fmla="*/ 34071 h 34071"/>
              <a:gd name="connsiteX99" fmla="*/ 1740029 w 10749385"/>
              <a:gd name="connsiteY99" fmla="*/ 17093 h 34071"/>
              <a:gd name="connsiteX100" fmla="*/ 1831616 w 10749385"/>
              <a:gd name="connsiteY100" fmla="*/ 17093 h 34071"/>
              <a:gd name="connsiteX101" fmla="*/ 1848708 w 10749385"/>
              <a:gd name="connsiteY101" fmla="*/ 0 h 34071"/>
              <a:gd name="connsiteX102" fmla="*/ 1865674 w 10749385"/>
              <a:gd name="connsiteY102" fmla="*/ 17093 h 34071"/>
              <a:gd name="connsiteX103" fmla="*/ 1848708 w 10749385"/>
              <a:gd name="connsiteY103" fmla="*/ 34071 h 34071"/>
              <a:gd name="connsiteX104" fmla="*/ 1831616 w 10749385"/>
              <a:gd name="connsiteY104" fmla="*/ 17093 h 34071"/>
              <a:gd name="connsiteX105" fmla="*/ 1923203 w 10749385"/>
              <a:gd name="connsiteY105" fmla="*/ 17093 h 34071"/>
              <a:gd name="connsiteX106" fmla="*/ 1940283 w 10749385"/>
              <a:gd name="connsiteY106" fmla="*/ 0 h 34071"/>
              <a:gd name="connsiteX107" fmla="*/ 1957248 w 10749385"/>
              <a:gd name="connsiteY107" fmla="*/ 17093 h 34071"/>
              <a:gd name="connsiteX108" fmla="*/ 1940283 w 10749385"/>
              <a:gd name="connsiteY108" fmla="*/ 34071 h 34071"/>
              <a:gd name="connsiteX109" fmla="*/ 1923203 w 10749385"/>
              <a:gd name="connsiteY109" fmla="*/ 17093 h 34071"/>
              <a:gd name="connsiteX110" fmla="*/ 2014790 w 10749385"/>
              <a:gd name="connsiteY110" fmla="*/ 17093 h 34071"/>
              <a:gd name="connsiteX111" fmla="*/ 2031883 w 10749385"/>
              <a:gd name="connsiteY111" fmla="*/ 0 h 34071"/>
              <a:gd name="connsiteX112" fmla="*/ 2048848 w 10749385"/>
              <a:gd name="connsiteY112" fmla="*/ 17093 h 34071"/>
              <a:gd name="connsiteX113" fmla="*/ 2031883 w 10749385"/>
              <a:gd name="connsiteY113" fmla="*/ 34071 h 34071"/>
              <a:gd name="connsiteX114" fmla="*/ 2014790 w 10749385"/>
              <a:gd name="connsiteY114" fmla="*/ 17093 h 34071"/>
              <a:gd name="connsiteX115" fmla="*/ 2106377 w 10749385"/>
              <a:gd name="connsiteY115" fmla="*/ 17093 h 34071"/>
              <a:gd name="connsiteX116" fmla="*/ 2123470 w 10749385"/>
              <a:gd name="connsiteY116" fmla="*/ 0 h 34071"/>
              <a:gd name="connsiteX117" fmla="*/ 2140435 w 10749385"/>
              <a:gd name="connsiteY117" fmla="*/ 17093 h 34071"/>
              <a:gd name="connsiteX118" fmla="*/ 2123470 w 10749385"/>
              <a:gd name="connsiteY118" fmla="*/ 34071 h 34071"/>
              <a:gd name="connsiteX119" fmla="*/ 2106377 w 10749385"/>
              <a:gd name="connsiteY119" fmla="*/ 17093 h 34071"/>
              <a:gd name="connsiteX120" fmla="*/ 2197964 w 10749385"/>
              <a:gd name="connsiteY120" fmla="*/ 17093 h 34071"/>
              <a:gd name="connsiteX121" fmla="*/ 2215044 w 10749385"/>
              <a:gd name="connsiteY121" fmla="*/ 0 h 34071"/>
              <a:gd name="connsiteX122" fmla="*/ 2232010 w 10749385"/>
              <a:gd name="connsiteY122" fmla="*/ 17093 h 34071"/>
              <a:gd name="connsiteX123" fmla="*/ 2215044 w 10749385"/>
              <a:gd name="connsiteY123" fmla="*/ 34071 h 34071"/>
              <a:gd name="connsiteX124" fmla="*/ 2197964 w 10749385"/>
              <a:gd name="connsiteY124" fmla="*/ 17093 h 34071"/>
              <a:gd name="connsiteX125" fmla="*/ 2289552 w 10749385"/>
              <a:gd name="connsiteY125" fmla="*/ 17093 h 34071"/>
              <a:gd name="connsiteX126" fmla="*/ 2306644 w 10749385"/>
              <a:gd name="connsiteY126" fmla="*/ 0 h 34071"/>
              <a:gd name="connsiteX127" fmla="*/ 2323610 w 10749385"/>
              <a:gd name="connsiteY127" fmla="*/ 17093 h 34071"/>
              <a:gd name="connsiteX128" fmla="*/ 2306644 w 10749385"/>
              <a:gd name="connsiteY128" fmla="*/ 34071 h 34071"/>
              <a:gd name="connsiteX129" fmla="*/ 2289552 w 10749385"/>
              <a:gd name="connsiteY129" fmla="*/ 17093 h 34071"/>
              <a:gd name="connsiteX130" fmla="*/ 2381266 w 10749385"/>
              <a:gd name="connsiteY130" fmla="*/ 17093 h 34071"/>
              <a:gd name="connsiteX131" fmla="*/ 2398231 w 10749385"/>
              <a:gd name="connsiteY131" fmla="*/ 0 h 34071"/>
              <a:gd name="connsiteX132" fmla="*/ 2415197 w 10749385"/>
              <a:gd name="connsiteY132" fmla="*/ 17093 h 34071"/>
              <a:gd name="connsiteX133" fmla="*/ 2398231 w 10749385"/>
              <a:gd name="connsiteY133" fmla="*/ 34071 h 34071"/>
              <a:gd name="connsiteX134" fmla="*/ 2381266 w 10749385"/>
              <a:gd name="connsiteY134" fmla="*/ 17093 h 34071"/>
              <a:gd name="connsiteX135" fmla="*/ 2472726 w 10749385"/>
              <a:gd name="connsiteY135" fmla="*/ 17093 h 34071"/>
              <a:gd name="connsiteX136" fmla="*/ 2489806 w 10749385"/>
              <a:gd name="connsiteY136" fmla="*/ 0 h 34071"/>
              <a:gd name="connsiteX137" fmla="*/ 2506784 w 10749385"/>
              <a:gd name="connsiteY137" fmla="*/ 17093 h 34071"/>
              <a:gd name="connsiteX138" fmla="*/ 2489806 w 10749385"/>
              <a:gd name="connsiteY138" fmla="*/ 34071 h 34071"/>
              <a:gd name="connsiteX139" fmla="*/ 2472726 w 10749385"/>
              <a:gd name="connsiteY139" fmla="*/ 17093 h 34071"/>
              <a:gd name="connsiteX140" fmla="*/ 2564300 w 10749385"/>
              <a:gd name="connsiteY140" fmla="*/ 17093 h 34071"/>
              <a:gd name="connsiteX141" fmla="*/ 2581406 w 10749385"/>
              <a:gd name="connsiteY141" fmla="*/ 0 h 34071"/>
              <a:gd name="connsiteX142" fmla="*/ 2598371 w 10749385"/>
              <a:gd name="connsiteY142" fmla="*/ 17093 h 34071"/>
              <a:gd name="connsiteX143" fmla="*/ 2581406 w 10749385"/>
              <a:gd name="connsiteY143" fmla="*/ 34071 h 34071"/>
              <a:gd name="connsiteX144" fmla="*/ 2564300 w 10749385"/>
              <a:gd name="connsiteY144" fmla="*/ 17093 h 34071"/>
              <a:gd name="connsiteX145" fmla="*/ 2655900 w 10749385"/>
              <a:gd name="connsiteY145" fmla="*/ 17093 h 34071"/>
              <a:gd name="connsiteX146" fmla="*/ 2672993 w 10749385"/>
              <a:gd name="connsiteY146" fmla="*/ 0 h 34071"/>
              <a:gd name="connsiteX147" fmla="*/ 2689958 w 10749385"/>
              <a:gd name="connsiteY147" fmla="*/ 17093 h 34071"/>
              <a:gd name="connsiteX148" fmla="*/ 2672993 w 10749385"/>
              <a:gd name="connsiteY148" fmla="*/ 34071 h 34071"/>
              <a:gd name="connsiteX149" fmla="*/ 2655900 w 10749385"/>
              <a:gd name="connsiteY149" fmla="*/ 17093 h 34071"/>
              <a:gd name="connsiteX150" fmla="*/ 2747602 w 10749385"/>
              <a:gd name="connsiteY150" fmla="*/ 17093 h 34071"/>
              <a:gd name="connsiteX151" fmla="*/ 2764567 w 10749385"/>
              <a:gd name="connsiteY151" fmla="*/ 0 h 34071"/>
              <a:gd name="connsiteX152" fmla="*/ 2781545 w 10749385"/>
              <a:gd name="connsiteY152" fmla="*/ 17093 h 34071"/>
              <a:gd name="connsiteX153" fmla="*/ 2764567 w 10749385"/>
              <a:gd name="connsiteY153" fmla="*/ 34071 h 34071"/>
              <a:gd name="connsiteX154" fmla="*/ 2747602 w 10749385"/>
              <a:gd name="connsiteY154" fmla="*/ 17093 h 34071"/>
              <a:gd name="connsiteX155" fmla="*/ 2839062 w 10749385"/>
              <a:gd name="connsiteY155" fmla="*/ 17093 h 34071"/>
              <a:gd name="connsiteX156" fmla="*/ 2856167 w 10749385"/>
              <a:gd name="connsiteY156" fmla="*/ 0 h 34071"/>
              <a:gd name="connsiteX157" fmla="*/ 2873133 w 10749385"/>
              <a:gd name="connsiteY157" fmla="*/ 17093 h 34071"/>
              <a:gd name="connsiteX158" fmla="*/ 2856167 w 10749385"/>
              <a:gd name="connsiteY158" fmla="*/ 34071 h 34071"/>
              <a:gd name="connsiteX159" fmla="*/ 2839062 w 10749385"/>
              <a:gd name="connsiteY159" fmla="*/ 17093 h 34071"/>
              <a:gd name="connsiteX160" fmla="*/ 2930662 w 10749385"/>
              <a:gd name="connsiteY160" fmla="*/ 17093 h 34071"/>
              <a:gd name="connsiteX161" fmla="*/ 2947754 w 10749385"/>
              <a:gd name="connsiteY161" fmla="*/ 0 h 34071"/>
              <a:gd name="connsiteX162" fmla="*/ 2964720 w 10749385"/>
              <a:gd name="connsiteY162" fmla="*/ 17093 h 34071"/>
              <a:gd name="connsiteX163" fmla="*/ 2947754 w 10749385"/>
              <a:gd name="connsiteY163" fmla="*/ 34071 h 34071"/>
              <a:gd name="connsiteX164" fmla="*/ 2930662 w 10749385"/>
              <a:gd name="connsiteY164" fmla="*/ 17093 h 34071"/>
              <a:gd name="connsiteX165" fmla="*/ 3022249 w 10749385"/>
              <a:gd name="connsiteY165" fmla="*/ 17093 h 34071"/>
              <a:gd name="connsiteX166" fmla="*/ 3039342 w 10749385"/>
              <a:gd name="connsiteY166" fmla="*/ 0 h 34071"/>
              <a:gd name="connsiteX167" fmla="*/ 3056307 w 10749385"/>
              <a:gd name="connsiteY167" fmla="*/ 17093 h 34071"/>
              <a:gd name="connsiteX168" fmla="*/ 3039342 w 10749385"/>
              <a:gd name="connsiteY168" fmla="*/ 34071 h 34071"/>
              <a:gd name="connsiteX169" fmla="*/ 3022249 w 10749385"/>
              <a:gd name="connsiteY169" fmla="*/ 17093 h 34071"/>
              <a:gd name="connsiteX170" fmla="*/ 3113823 w 10749385"/>
              <a:gd name="connsiteY170" fmla="*/ 17093 h 34071"/>
              <a:gd name="connsiteX171" fmla="*/ 3130929 w 10749385"/>
              <a:gd name="connsiteY171" fmla="*/ 0 h 34071"/>
              <a:gd name="connsiteX172" fmla="*/ 3147881 w 10749385"/>
              <a:gd name="connsiteY172" fmla="*/ 17093 h 34071"/>
              <a:gd name="connsiteX173" fmla="*/ 3130929 w 10749385"/>
              <a:gd name="connsiteY173" fmla="*/ 34071 h 34071"/>
              <a:gd name="connsiteX174" fmla="*/ 3113823 w 10749385"/>
              <a:gd name="connsiteY174" fmla="*/ 17093 h 34071"/>
              <a:gd name="connsiteX175" fmla="*/ 3205423 w 10749385"/>
              <a:gd name="connsiteY175" fmla="*/ 17093 h 34071"/>
              <a:gd name="connsiteX176" fmla="*/ 3222516 w 10749385"/>
              <a:gd name="connsiteY176" fmla="*/ 0 h 34071"/>
              <a:gd name="connsiteX177" fmla="*/ 3239481 w 10749385"/>
              <a:gd name="connsiteY177" fmla="*/ 17093 h 34071"/>
              <a:gd name="connsiteX178" fmla="*/ 3222516 w 10749385"/>
              <a:gd name="connsiteY178" fmla="*/ 34071 h 34071"/>
              <a:gd name="connsiteX179" fmla="*/ 3205423 w 10749385"/>
              <a:gd name="connsiteY179" fmla="*/ 17093 h 34071"/>
              <a:gd name="connsiteX180" fmla="*/ 3297010 w 10749385"/>
              <a:gd name="connsiteY180" fmla="*/ 17093 h 34071"/>
              <a:gd name="connsiteX181" fmla="*/ 3314103 w 10749385"/>
              <a:gd name="connsiteY181" fmla="*/ 0 h 34071"/>
              <a:gd name="connsiteX182" fmla="*/ 3331069 w 10749385"/>
              <a:gd name="connsiteY182" fmla="*/ 17093 h 34071"/>
              <a:gd name="connsiteX183" fmla="*/ 3314103 w 10749385"/>
              <a:gd name="connsiteY183" fmla="*/ 34071 h 34071"/>
              <a:gd name="connsiteX184" fmla="*/ 3297010 w 10749385"/>
              <a:gd name="connsiteY184" fmla="*/ 17093 h 34071"/>
              <a:gd name="connsiteX185" fmla="*/ 3388584 w 10749385"/>
              <a:gd name="connsiteY185" fmla="*/ 17093 h 34071"/>
              <a:gd name="connsiteX186" fmla="*/ 3405690 w 10749385"/>
              <a:gd name="connsiteY186" fmla="*/ 0 h 34071"/>
              <a:gd name="connsiteX187" fmla="*/ 3422643 w 10749385"/>
              <a:gd name="connsiteY187" fmla="*/ 17093 h 34071"/>
              <a:gd name="connsiteX188" fmla="*/ 3405690 w 10749385"/>
              <a:gd name="connsiteY188" fmla="*/ 34071 h 34071"/>
              <a:gd name="connsiteX189" fmla="*/ 3388584 w 10749385"/>
              <a:gd name="connsiteY189" fmla="*/ 17093 h 34071"/>
              <a:gd name="connsiteX190" fmla="*/ 3480184 w 10749385"/>
              <a:gd name="connsiteY190" fmla="*/ 17093 h 34071"/>
              <a:gd name="connsiteX191" fmla="*/ 3497278 w 10749385"/>
              <a:gd name="connsiteY191" fmla="*/ 0 h 34071"/>
              <a:gd name="connsiteX192" fmla="*/ 3514243 w 10749385"/>
              <a:gd name="connsiteY192" fmla="*/ 17093 h 34071"/>
              <a:gd name="connsiteX193" fmla="*/ 3497278 w 10749385"/>
              <a:gd name="connsiteY193" fmla="*/ 34071 h 34071"/>
              <a:gd name="connsiteX194" fmla="*/ 3480184 w 10749385"/>
              <a:gd name="connsiteY194" fmla="*/ 17093 h 34071"/>
              <a:gd name="connsiteX195" fmla="*/ 3571772 w 10749385"/>
              <a:gd name="connsiteY195" fmla="*/ 17093 h 34071"/>
              <a:gd name="connsiteX196" fmla="*/ 3588865 w 10749385"/>
              <a:gd name="connsiteY196" fmla="*/ 0 h 34071"/>
              <a:gd name="connsiteX197" fmla="*/ 3605830 w 10749385"/>
              <a:gd name="connsiteY197" fmla="*/ 17093 h 34071"/>
              <a:gd name="connsiteX198" fmla="*/ 3588865 w 10749385"/>
              <a:gd name="connsiteY198" fmla="*/ 34071 h 34071"/>
              <a:gd name="connsiteX199" fmla="*/ 3571772 w 10749385"/>
              <a:gd name="connsiteY199" fmla="*/ 17093 h 34071"/>
              <a:gd name="connsiteX200" fmla="*/ 3663346 w 10749385"/>
              <a:gd name="connsiteY200" fmla="*/ 17093 h 34071"/>
              <a:gd name="connsiteX201" fmla="*/ 3680324 w 10749385"/>
              <a:gd name="connsiteY201" fmla="*/ 0 h 34071"/>
              <a:gd name="connsiteX202" fmla="*/ 3697404 w 10749385"/>
              <a:gd name="connsiteY202" fmla="*/ 17093 h 34071"/>
              <a:gd name="connsiteX203" fmla="*/ 3680324 w 10749385"/>
              <a:gd name="connsiteY203" fmla="*/ 34071 h 34071"/>
              <a:gd name="connsiteX204" fmla="*/ 3663346 w 10749385"/>
              <a:gd name="connsiteY204" fmla="*/ 17093 h 34071"/>
              <a:gd name="connsiteX205" fmla="*/ 3754946 w 10749385"/>
              <a:gd name="connsiteY205" fmla="*/ 17093 h 34071"/>
              <a:gd name="connsiteX206" fmla="*/ 3771912 w 10749385"/>
              <a:gd name="connsiteY206" fmla="*/ 0 h 34071"/>
              <a:gd name="connsiteX207" fmla="*/ 3789004 w 10749385"/>
              <a:gd name="connsiteY207" fmla="*/ 17093 h 34071"/>
              <a:gd name="connsiteX208" fmla="*/ 3771912 w 10749385"/>
              <a:gd name="connsiteY208" fmla="*/ 34071 h 34071"/>
              <a:gd name="connsiteX209" fmla="*/ 3754946 w 10749385"/>
              <a:gd name="connsiteY209" fmla="*/ 17093 h 34071"/>
              <a:gd name="connsiteX210" fmla="*/ 3846533 w 10749385"/>
              <a:gd name="connsiteY210" fmla="*/ 17093 h 34071"/>
              <a:gd name="connsiteX211" fmla="*/ 3863499 w 10749385"/>
              <a:gd name="connsiteY211" fmla="*/ 0 h 34071"/>
              <a:gd name="connsiteX212" fmla="*/ 3880591 w 10749385"/>
              <a:gd name="connsiteY212" fmla="*/ 17093 h 34071"/>
              <a:gd name="connsiteX213" fmla="*/ 3863499 w 10749385"/>
              <a:gd name="connsiteY213" fmla="*/ 34071 h 34071"/>
              <a:gd name="connsiteX214" fmla="*/ 3846533 w 10749385"/>
              <a:gd name="connsiteY214" fmla="*/ 17093 h 34071"/>
              <a:gd name="connsiteX215" fmla="*/ 3938108 w 10749385"/>
              <a:gd name="connsiteY215" fmla="*/ 17093 h 34071"/>
              <a:gd name="connsiteX216" fmla="*/ 3955200 w 10749385"/>
              <a:gd name="connsiteY216" fmla="*/ 0 h 34071"/>
              <a:gd name="connsiteX217" fmla="*/ 3972166 w 10749385"/>
              <a:gd name="connsiteY217" fmla="*/ 17093 h 34071"/>
              <a:gd name="connsiteX218" fmla="*/ 3955200 w 10749385"/>
              <a:gd name="connsiteY218" fmla="*/ 34071 h 34071"/>
              <a:gd name="connsiteX219" fmla="*/ 3938108 w 10749385"/>
              <a:gd name="connsiteY219" fmla="*/ 17093 h 34071"/>
              <a:gd name="connsiteX220" fmla="*/ 4029708 w 10749385"/>
              <a:gd name="connsiteY220" fmla="*/ 17093 h 34071"/>
              <a:gd name="connsiteX221" fmla="*/ 4046673 w 10749385"/>
              <a:gd name="connsiteY221" fmla="*/ 0 h 34071"/>
              <a:gd name="connsiteX222" fmla="*/ 4063766 w 10749385"/>
              <a:gd name="connsiteY222" fmla="*/ 17093 h 34071"/>
              <a:gd name="connsiteX223" fmla="*/ 4046673 w 10749385"/>
              <a:gd name="connsiteY223" fmla="*/ 34071 h 34071"/>
              <a:gd name="connsiteX224" fmla="*/ 4029708 w 10749385"/>
              <a:gd name="connsiteY224" fmla="*/ 17093 h 34071"/>
              <a:gd name="connsiteX225" fmla="*/ 4121295 w 10749385"/>
              <a:gd name="connsiteY225" fmla="*/ 17093 h 34071"/>
              <a:gd name="connsiteX226" fmla="*/ 4138260 w 10749385"/>
              <a:gd name="connsiteY226" fmla="*/ 0 h 34071"/>
              <a:gd name="connsiteX227" fmla="*/ 4155353 w 10749385"/>
              <a:gd name="connsiteY227" fmla="*/ 17093 h 34071"/>
              <a:gd name="connsiteX228" fmla="*/ 4138260 w 10749385"/>
              <a:gd name="connsiteY228" fmla="*/ 34071 h 34071"/>
              <a:gd name="connsiteX229" fmla="*/ 4121295 w 10749385"/>
              <a:gd name="connsiteY229" fmla="*/ 17093 h 34071"/>
              <a:gd name="connsiteX230" fmla="*/ 4212882 w 10749385"/>
              <a:gd name="connsiteY230" fmla="*/ 17093 h 34071"/>
              <a:gd name="connsiteX231" fmla="*/ 4229847 w 10749385"/>
              <a:gd name="connsiteY231" fmla="*/ 0 h 34071"/>
              <a:gd name="connsiteX232" fmla="*/ 4246927 w 10749385"/>
              <a:gd name="connsiteY232" fmla="*/ 17093 h 34071"/>
              <a:gd name="connsiteX233" fmla="*/ 4229847 w 10749385"/>
              <a:gd name="connsiteY233" fmla="*/ 34071 h 34071"/>
              <a:gd name="connsiteX234" fmla="*/ 4212882 w 10749385"/>
              <a:gd name="connsiteY234" fmla="*/ 17093 h 34071"/>
              <a:gd name="connsiteX235" fmla="*/ 4304469 w 10749385"/>
              <a:gd name="connsiteY235" fmla="*/ 17093 h 34071"/>
              <a:gd name="connsiteX236" fmla="*/ 4321422 w 10749385"/>
              <a:gd name="connsiteY236" fmla="*/ 0 h 34071"/>
              <a:gd name="connsiteX237" fmla="*/ 4338527 w 10749385"/>
              <a:gd name="connsiteY237" fmla="*/ 17093 h 34071"/>
              <a:gd name="connsiteX238" fmla="*/ 4321422 w 10749385"/>
              <a:gd name="connsiteY238" fmla="*/ 34071 h 34071"/>
              <a:gd name="connsiteX239" fmla="*/ 4304469 w 10749385"/>
              <a:gd name="connsiteY239" fmla="*/ 17093 h 34071"/>
              <a:gd name="connsiteX240" fmla="*/ 4396056 w 10749385"/>
              <a:gd name="connsiteY240" fmla="*/ 17093 h 34071"/>
              <a:gd name="connsiteX241" fmla="*/ 4413021 w 10749385"/>
              <a:gd name="connsiteY241" fmla="*/ 0 h 34071"/>
              <a:gd name="connsiteX242" fmla="*/ 4430114 w 10749385"/>
              <a:gd name="connsiteY242" fmla="*/ 17093 h 34071"/>
              <a:gd name="connsiteX243" fmla="*/ 4413021 w 10749385"/>
              <a:gd name="connsiteY243" fmla="*/ 34071 h 34071"/>
              <a:gd name="connsiteX244" fmla="*/ 4396056 w 10749385"/>
              <a:gd name="connsiteY244" fmla="*/ 17093 h 34071"/>
              <a:gd name="connsiteX245" fmla="*/ 4487643 w 10749385"/>
              <a:gd name="connsiteY245" fmla="*/ 17093 h 34071"/>
              <a:gd name="connsiteX246" fmla="*/ 4504609 w 10749385"/>
              <a:gd name="connsiteY246" fmla="*/ 0 h 34071"/>
              <a:gd name="connsiteX247" fmla="*/ 4521689 w 10749385"/>
              <a:gd name="connsiteY247" fmla="*/ 17093 h 34071"/>
              <a:gd name="connsiteX248" fmla="*/ 4504609 w 10749385"/>
              <a:gd name="connsiteY248" fmla="*/ 34071 h 34071"/>
              <a:gd name="connsiteX249" fmla="*/ 4487643 w 10749385"/>
              <a:gd name="connsiteY249" fmla="*/ 17093 h 34071"/>
              <a:gd name="connsiteX250" fmla="*/ 4579230 w 10749385"/>
              <a:gd name="connsiteY250" fmla="*/ 17093 h 34071"/>
              <a:gd name="connsiteX251" fmla="*/ 4596183 w 10749385"/>
              <a:gd name="connsiteY251" fmla="*/ 0 h 34071"/>
              <a:gd name="connsiteX252" fmla="*/ 4613289 w 10749385"/>
              <a:gd name="connsiteY252" fmla="*/ 17093 h 34071"/>
              <a:gd name="connsiteX253" fmla="*/ 4596183 w 10749385"/>
              <a:gd name="connsiteY253" fmla="*/ 34071 h 34071"/>
              <a:gd name="connsiteX254" fmla="*/ 4579230 w 10749385"/>
              <a:gd name="connsiteY254" fmla="*/ 17093 h 34071"/>
              <a:gd name="connsiteX255" fmla="*/ 4670818 w 10749385"/>
              <a:gd name="connsiteY255" fmla="*/ 17093 h 34071"/>
              <a:gd name="connsiteX256" fmla="*/ 4687783 w 10749385"/>
              <a:gd name="connsiteY256" fmla="*/ 0 h 34071"/>
              <a:gd name="connsiteX257" fmla="*/ 4704876 w 10749385"/>
              <a:gd name="connsiteY257" fmla="*/ 17093 h 34071"/>
              <a:gd name="connsiteX258" fmla="*/ 4687783 w 10749385"/>
              <a:gd name="connsiteY258" fmla="*/ 34071 h 34071"/>
              <a:gd name="connsiteX259" fmla="*/ 4670818 w 10749385"/>
              <a:gd name="connsiteY259" fmla="*/ 17093 h 34071"/>
              <a:gd name="connsiteX260" fmla="*/ 4762405 w 10749385"/>
              <a:gd name="connsiteY260" fmla="*/ 17093 h 34071"/>
              <a:gd name="connsiteX261" fmla="*/ 4779370 w 10749385"/>
              <a:gd name="connsiteY261" fmla="*/ 0 h 34071"/>
              <a:gd name="connsiteX262" fmla="*/ 4796463 w 10749385"/>
              <a:gd name="connsiteY262" fmla="*/ 17093 h 34071"/>
              <a:gd name="connsiteX263" fmla="*/ 4779370 w 10749385"/>
              <a:gd name="connsiteY263" fmla="*/ 34071 h 34071"/>
              <a:gd name="connsiteX264" fmla="*/ 4762405 w 10749385"/>
              <a:gd name="connsiteY264" fmla="*/ 17093 h 34071"/>
              <a:gd name="connsiteX265" fmla="*/ 4853979 w 10749385"/>
              <a:gd name="connsiteY265" fmla="*/ 17093 h 34071"/>
              <a:gd name="connsiteX266" fmla="*/ 4870945 w 10749385"/>
              <a:gd name="connsiteY266" fmla="*/ 0 h 34071"/>
              <a:gd name="connsiteX267" fmla="*/ 4888050 w 10749385"/>
              <a:gd name="connsiteY267" fmla="*/ 17093 h 34071"/>
              <a:gd name="connsiteX268" fmla="*/ 4870945 w 10749385"/>
              <a:gd name="connsiteY268" fmla="*/ 34071 h 34071"/>
              <a:gd name="connsiteX269" fmla="*/ 4853979 w 10749385"/>
              <a:gd name="connsiteY269" fmla="*/ 17093 h 34071"/>
              <a:gd name="connsiteX270" fmla="*/ 4945579 w 10749385"/>
              <a:gd name="connsiteY270" fmla="*/ 17093 h 34071"/>
              <a:gd name="connsiteX271" fmla="*/ 4962545 w 10749385"/>
              <a:gd name="connsiteY271" fmla="*/ 0 h 34071"/>
              <a:gd name="connsiteX272" fmla="*/ 4979637 w 10749385"/>
              <a:gd name="connsiteY272" fmla="*/ 17093 h 34071"/>
              <a:gd name="connsiteX273" fmla="*/ 4962545 w 10749385"/>
              <a:gd name="connsiteY273" fmla="*/ 34071 h 34071"/>
              <a:gd name="connsiteX274" fmla="*/ 4945579 w 10749385"/>
              <a:gd name="connsiteY274" fmla="*/ 17093 h 34071"/>
              <a:gd name="connsiteX275" fmla="*/ 5037167 w 10749385"/>
              <a:gd name="connsiteY275" fmla="*/ 17093 h 34071"/>
              <a:gd name="connsiteX276" fmla="*/ 5054132 w 10749385"/>
              <a:gd name="connsiteY276" fmla="*/ 0 h 34071"/>
              <a:gd name="connsiteX277" fmla="*/ 5071225 w 10749385"/>
              <a:gd name="connsiteY277" fmla="*/ 17093 h 34071"/>
              <a:gd name="connsiteX278" fmla="*/ 5054132 w 10749385"/>
              <a:gd name="connsiteY278" fmla="*/ 34071 h 34071"/>
              <a:gd name="connsiteX279" fmla="*/ 5037167 w 10749385"/>
              <a:gd name="connsiteY279" fmla="*/ 17093 h 34071"/>
              <a:gd name="connsiteX280" fmla="*/ 5128741 w 10749385"/>
              <a:gd name="connsiteY280" fmla="*/ 17093 h 34071"/>
              <a:gd name="connsiteX281" fmla="*/ 5145706 w 10749385"/>
              <a:gd name="connsiteY281" fmla="*/ 0 h 34071"/>
              <a:gd name="connsiteX282" fmla="*/ 5162812 w 10749385"/>
              <a:gd name="connsiteY282" fmla="*/ 17093 h 34071"/>
              <a:gd name="connsiteX283" fmla="*/ 5145706 w 10749385"/>
              <a:gd name="connsiteY283" fmla="*/ 34071 h 34071"/>
              <a:gd name="connsiteX284" fmla="*/ 5128741 w 10749385"/>
              <a:gd name="connsiteY284" fmla="*/ 17093 h 34071"/>
              <a:gd name="connsiteX285" fmla="*/ 5220341 w 10749385"/>
              <a:gd name="connsiteY285" fmla="*/ 17093 h 34071"/>
              <a:gd name="connsiteX286" fmla="*/ 5237306 w 10749385"/>
              <a:gd name="connsiteY286" fmla="*/ 0 h 34071"/>
              <a:gd name="connsiteX287" fmla="*/ 5254399 w 10749385"/>
              <a:gd name="connsiteY287" fmla="*/ 17093 h 34071"/>
              <a:gd name="connsiteX288" fmla="*/ 5237306 w 10749385"/>
              <a:gd name="connsiteY288" fmla="*/ 34071 h 34071"/>
              <a:gd name="connsiteX289" fmla="*/ 5220341 w 10749385"/>
              <a:gd name="connsiteY289" fmla="*/ 17093 h 34071"/>
              <a:gd name="connsiteX290" fmla="*/ 5311928 w 10749385"/>
              <a:gd name="connsiteY290" fmla="*/ 17093 h 34071"/>
              <a:gd name="connsiteX291" fmla="*/ 5328893 w 10749385"/>
              <a:gd name="connsiteY291" fmla="*/ 0 h 34071"/>
              <a:gd name="connsiteX292" fmla="*/ 5345986 w 10749385"/>
              <a:gd name="connsiteY292" fmla="*/ 17093 h 34071"/>
              <a:gd name="connsiteX293" fmla="*/ 5328893 w 10749385"/>
              <a:gd name="connsiteY293" fmla="*/ 34071 h 34071"/>
              <a:gd name="connsiteX294" fmla="*/ 5311928 w 10749385"/>
              <a:gd name="connsiteY294" fmla="*/ 17093 h 34071"/>
              <a:gd name="connsiteX295" fmla="*/ 5403515 w 10749385"/>
              <a:gd name="connsiteY295" fmla="*/ 17093 h 34071"/>
              <a:gd name="connsiteX296" fmla="*/ 5420480 w 10749385"/>
              <a:gd name="connsiteY296" fmla="*/ 0 h 34071"/>
              <a:gd name="connsiteX297" fmla="*/ 5437445 w 10749385"/>
              <a:gd name="connsiteY297" fmla="*/ 17093 h 34071"/>
              <a:gd name="connsiteX298" fmla="*/ 5420480 w 10749385"/>
              <a:gd name="connsiteY298" fmla="*/ 34071 h 34071"/>
              <a:gd name="connsiteX299" fmla="*/ 5403515 w 10749385"/>
              <a:gd name="connsiteY299" fmla="*/ 17093 h 34071"/>
              <a:gd name="connsiteX300" fmla="*/ 5495115 w 10749385"/>
              <a:gd name="connsiteY300" fmla="*/ 17093 h 34071"/>
              <a:gd name="connsiteX301" fmla="*/ 5512080 w 10749385"/>
              <a:gd name="connsiteY301" fmla="*/ 0 h 34071"/>
              <a:gd name="connsiteX302" fmla="*/ 5529045 w 10749385"/>
              <a:gd name="connsiteY302" fmla="*/ 17093 h 34071"/>
              <a:gd name="connsiteX303" fmla="*/ 5512080 w 10749385"/>
              <a:gd name="connsiteY303" fmla="*/ 34071 h 34071"/>
              <a:gd name="connsiteX304" fmla="*/ 5495115 w 10749385"/>
              <a:gd name="connsiteY304" fmla="*/ 17093 h 34071"/>
              <a:gd name="connsiteX305" fmla="*/ 5586689 w 10749385"/>
              <a:gd name="connsiteY305" fmla="*/ 17093 h 34071"/>
              <a:gd name="connsiteX306" fmla="*/ 5603654 w 10749385"/>
              <a:gd name="connsiteY306" fmla="*/ 0 h 34071"/>
              <a:gd name="connsiteX307" fmla="*/ 5620748 w 10749385"/>
              <a:gd name="connsiteY307" fmla="*/ 17093 h 34071"/>
              <a:gd name="connsiteX308" fmla="*/ 5603654 w 10749385"/>
              <a:gd name="connsiteY308" fmla="*/ 34071 h 34071"/>
              <a:gd name="connsiteX309" fmla="*/ 5586689 w 10749385"/>
              <a:gd name="connsiteY309" fmla="*/ 17093 h 34071"/>
              <a:gd name="connsiteX310" fmla="*/ 5678276 w 10749385"/>
              <a:gd name="connsiteY310" fmla="*/ 17093 h 34071"/>
              <a:gd name="connsiteX311" fmla="*/ 5695242 w 10749385"/>
              <a:gd name="connsiteY311" fmla="*/ 0 h 34071"/>
              <a:gd name="connsiteX312" fmla="*/ 5712335 w 10749385"/>
              <a:gd name="connsiteY312" fmla="*/ 17093 h 34071"/>
              <a:gd name="connsiteX313" fmla="*/ 5695242 w 10749385"/>
              <a:gd name="connsiteY313" fmla="*/ 34071 h 34071"/>
              <a:gd name="connsiteX314" fmla="*/ 5678276 w 10749385"/>
              <a:gd name="connsiteY314" fmla="*/ 17093 h 34071"/>
              <a:gd name="connsiteX315" fmla="*/ 5769876 w 10749385"/>
              <a:gd name="connsiteY315" fmla="*/ 17093 h 34071"/>
              <a:gd name="connsiteX316" fmla="*/ 5786842 w 10749385"/>
              <a:gd name="connsiteY316" fmla="*/ 0 h 34071"/>
              <a:gd name="connsiteX317" fmla="*/ 5803807 w 10749385"/>
              <a:gd name="connsiteY317" fmla="*/ 17093 h 34071"/>
              <a:gd name="connsiteX318" fmla="*/ 5786842 w 10749385"/>
              <a:gd name="connsiteY318" fmla="*/ 34071 h 34071"/>
              <a:gd name="connsiteX319" fmla="*/ 5769876 w 10749385"/>
              <a:gd name="connsiteY319" fmla="*/ 17093 h 34071"/>
              <a:gd name="connsiteX320" fmla="*/ 5861451 w 10749385"/>
              <a:gd name="connsiteY320" fmla="*/ 17093 h 34071"/>
              <a:gd name="connsiteX321" fmla="*/ 5878416 w 10749385"/>
              <a:gd name="connsiteY321" fmla="*/ 0 h 34071"/>
              <a:gd name="connsiteX322" fmla="*/ 5895382 w 10749385"/>
              <a:gd name="connsiteY322" fmla="*/ 17093 h 34071"/>
              <a:gd name="connsiteX323" fmla="*/ 5878416 w 10749385"/>
              <a:gd name="connsiteY323" fmla="*/ 34071 h 34071"/>
              <a:gd name="connsiteX324" fmla="*/ 5861451 w 10749385"/>
              <a:gd name="connsiteY324" fmla="*/ 17093 h 34071"/>
              <a:gd name="connsiteX325" fmla="*/ 5953038 w 10749385"/>
              <a:gd name="connsiteY325" fmla="*/ 17093 h 34071"/>
              <a:gd name="connsiteX326" fmla="*/ 5970003 w 10749385"/>
              <a:gd name="connsiteY326" fmla="*/ 0 h 34071"/>
              <a:gd name="connsiteX327" fmla="*/ 5986969 w 10749385"/>
              <a:gd name="connsiteY327" fmla="*/ 17093 h 34071"/>
              <a:gd name="connsiteX328" fmla="*/ 5970003 w 10749385"/>
              <a:gd name="connsiteY328" fmla="*/ 34071 h 34071"/>
              <a:gd name="connsiteX329" fmla="*/ 5953038 w 10749385"/>
              <a:gd name="connsiteY329" fmla="*/ 17093 h 34071"/>
              <a:gd name="connsiteX330" fmla="*/ 6044638 w 10749385"/>
              <a:gd name="connsiteY330" fmla="*/ 17093 h 34071"/>
              <a:gd name="connsiteX331" fmla="*/ 6061603 w 10749385"/>
              <a:gd name="connsiteY331" fmla="*/ 0 h 34071"/>
              <a:gd name="connsiteX332" fmla="*/ 6078556 w 10749385"/>
              <a:gd name="connsiteY332" fmla="*/ 17093 h 34071"/>
              <a:gd name="connsiteX333" fmla="*/ 6061603 w 10749385"/>
              <a:gd name="connsiteY333" fmla="*/ 34071 h 34071"/>
              <a:gd name="connsiteX334" fmla="*/ 6044638 w 10749385"/>
              <a:gd name="connsiteY334" fmla="*/ 17093 h 34071"/>
              <a:gd name="connsiteX335" fmla="*/ 6136212 w 10749385"/>
              <a:gd name="connsiteY335" fmla="*/ 17093 h 34071"/>
              <a:gd name="connsiteX336" fmla="*/ 6153178 w 10749385"/>
              <a:gd name="connsiteY336" fmla="*/ 0 h 34071"/>
              <a:gd name="connsiteX337" fmla="*/ 6170143 w 10749385"/>
              <a:gd name="connsiteY337" fmla="*/ 17093 h 34071"/>
              <a:gd name="connsiteX338" fmla="*/ 6153178 w 10749385"/>
              <a:gd name="connsiteY338" fmla="*/ 34071 h 34071"/>
              <a:gd name="connsiteX339" fmla="*/ 6136212 w 10749385"/>
              <a:gd name="connsiteY339" fmla="*/ 17093 h 34071"/>
              <a:gd name="connsiteX340" fmla="*/ 6227800 w 10749385"/>
              <a:gd name="connsiteY340" fmla="*/ 17093 h 34071"/>
              <a:gd name="connsiteX341" fmla="*/ 6244765 w 10749385"/>
              <a:gd name="connsiteY341" fmla="*/ 0 h 34071"/>
              <a:gd name="connsiteX342" fmla="*/ 6261730 w 10749385"/>
              <a:gd name="connsiteY342" fmla="*/ 17093 h 34071"/>
              <a:gd name="connsiteX343" fmla="*/ 6244765 w 10749385"/>
              <a:gd name="connsiteY343" fmla="*/ 34071 h 34071"/>
              <a:gd name="connsiteX344" fmla="*/ 6227800 w 10749385"/>
              <a:gd name="connsiteY344" fmla="*/ 17093 h 34071"/>
              <a:gd name="connsiteX345" fmla="*/ 6319399 w 10749385"/>
              <a:gd name="connsiteY345" fmla="*/ 17093 h 34071"/>
              <a:gd name="connsiteX346" fmla="*/ 6336365 w 10749385"/>
              <a:gd name="connsiteY346" fmla="*/ 0 h 34071"/>
              <a:gd name="connsiteX347" fmla="*/ 6353317 w 10749385"/>
              <a:gd name="connsiteY347" fmla="*/ 17093 h 34071"/>
              <a:gd name="connsiteX348" fmla="*/ 6336365 w 10749385"/>
              <a:gd name="connsiteY348" fmla="*/ 34071 h 34071"/>
              <a:gd name="connsiteX349" fmla="*/ 6319399 w 10749385"/>
              <a:gd name="connsiteY349" fmla="*/ 17093 h 34071"/>
              <a:gd name="connsiteX350" fmla="*/ 6410974 w 10749385"/>
              <a:gd name="connsiteY350" fmla="*/ 17093 h 34071"/>
              <a:gd name="connsiteX351" fmla="*/ 6427939 w 10749385"/>
              <a:gd name="connsiteY351" fmla="*/ 0 h 34071"/>
              <a:gd name="connsiteX352" fmla="*/ 6444904 w 10749385"/>
              <a:gd name="connsiteY352" fmla="*/ 17093 h 34071"/>
              <a:gd name="connsiteX353" fmla="*/ 6427939 w 10749385"/>
              <a:gd name="connsiteY353" fmla="*/ 34071 h 34071"/>
              <a:gd name="connsiteX354" fmla="*/ 6410974 w 10749385"/>
              <a:gd name="connsiteY354" fmla="*/ 17093 h 34071"/>
              <a:gd name="connsiteX355" fmla="*/ 6502561 w 10749385"/>
              <a:gd name="connsiteY355" fmla="*/ 17093 h 34071"/>
              <a:gd name="connsiteX356" fmla="*/ 6519526 w 10749385"/>
              <a:gd name="connsiteY356" fmla="*/ 0 h 34071"/>
              <a:gd name="connsiteX357" fmla="*/ 6536491 w 10749385"/>
              <a:gd name="connsiteY357" fmla="*/ 17093 h 34071"/>
              <a:gd name="connsiteX358" fmla="*/ 6519526 w 10749385"/>
              <a:gd name="connsiteY358" fmla="*/ 34071 h 34071"/>
              <a:gd name="connsiteX359" fmla="*/ 6502561 w 10749385"/>
              <a:gd name="connsiteY359" fmla="*/ 17093 h 34071"/>
              <a:gd name="connsiteX360" fmla="*/ 6594021 w 10749385"/>
              <a:gd name="connsiteY360" fmla="*/ 17093 h 34071"/>
              <a:gd name="connsiteX361" fmla="*/ 6611114 w 10749385"/>
              <a:gd name="connsiteY361" fmla="*/ 0 h 34071"/>
              <a:gd name="connsiteX362" fmla="*/ 6628078 w 10749385"/>
              <a:gd name="connsiteY362" fmla="*/ 17093 h 34071"/>
              <a:gd name="connsiteX363" fmla="*/ 6611114 w 10749385"/>
              <a:gd name="connsiteY363" fmla="*/ 34071 h 34071"/>
              <a:gd name="connsiteX364" fmla="*/ 6594021 w 10749385"/>
              <a:gd name="connsiteY364" fmla="*/ 17093 h 34071"/>
              <a:gd name="connsiteX365" fmla="*/ 6685620 w 10749385"/>
              <a:gd name="connsiteY365" fmla="*/ 17093 h 34071"/>
              <a:gd name="connsiteX366" fmla="*/ 6702701 w 10749385"/>
              <a:gd name="connsiteY366" fmla="*/ 0 h 34071"/>
              <a:gd name="connsiteX367" fmla="*/ 6719679 w 10749385"/>
              <a:gd name="connsiteY367" fmla="*/ 17093 h 34071"/>
              <a:gd name="connsiteX368" fmla="*/ 6702701 w 10749385"/>
              <a:gd name="connsiteY368" fmla="*/ 34071 h 34071"/>
              <a:gd name="connsiteX369" fmla="*/ 6685620 w 10749385"/>
              <a:gd name="connsiteY369" fmla="*/ 17093 h 34071"/>
              <a:gd name="connsiteX370" fmla="*/ 6777322 w 10749385"/>
              <a:gd name="connsiteY370" fmla="*/ 17093 h 34071"/>
              <a:gd name="connsiteX371" fmla="*/ 6794288 w 10749385"/>
              <a:gd name="connsiteY371" fmla="*/ 0 h 34071"/>
              <a:gd name="connsiteX372" fmla="*/ 6811253 w 10749385"/>
              <a:gd name="connsiteY372" fmla="*/ 17093 h 34071"/>
              <a:gd name="connsiteX373" fmla="*/ 6794288 w 10749385"/>
              <a:gd name="connsiteY373" fmla="*/ 34071 h 34071"/>
              <a:gd name="connsiteX374" fmla="*/ 6777322 w 10749385"/>
              <a:gd name="connsiteY374" fmla="*/ 17093 h 34071"/>
              <a:gd name="connsiteX375" fmla="*/ 6868782 w 10749385"/>
              <a:gd name="connsiteY375" fmla="*/ 17093 h 34071"/>
              <a:gd name="connsiteX376" fmla="*/ 6885875 w 10749385"/>
              <a:gd name="connsiteY376" fmla="*/ 0 h 34071"/>
              <a:gd name="connsiteX377" fmla="*/ 6902840 w 10749385"/>
              <a:gd name="connsiteY377" fmla="*/ 17093 h 34071"/>
              <a:gd name="connsiteX378" fmla="*/ 6885875 w 10749385"/>
              <a:gd name="connsiteY378" fmla="*/ 34071 h 34071"/>
              <a:gd name="connsiteX379" fmla="*/ 6868782 w 10749385"/>
              <a:gd name="connsiteY379" fmla="*/ 17093 h 34071"/>
              <a:gd name="connsiteX380" fmla="*/ 6960382 w 10749385"/>
              <a:gd name="connsiteY380" fmla="*/ 17093 h 34071"/>
              <a:gd name="connsiteX381" fmla="*/ 6977462 w 10749385"/>
              <a:gd name="connsiteY381" fmla="*/ 0 h 34071"/>
              <a:gd name="connsiteX382" fmla="*/ 6994440 w 10749385"/>
              <a:gd name="connsiteY382" fmla="*/ 17093 h 34071"/>
              <a:gd name="connsiteX383" fmla="*/ 6977462 w 10749385"/>
              <a:gd name="connsiteY383" fmla="*/ 34071 h 34071"/>
              <a:gd name="connsiteX384" fmla="*/ 6960382 w 10749385"/>
              <a:gd name="connsiteY384" fmla="*/ 17093 h 34071"/>
              <a:gd name="connsiteX385" fmla="*/ 7051957 w 10749385"/>
              <a:gd name="connsiteY385" fmla="*/ 17093 h 34071"/>
              <a:gd name="connsiteX386" fmla="*/ 7069049 w 10749385"/>
              <a:gd name="connsiteY386" fmla="*/ 0 h 34071"/>
              <a:gd name="connsiteX387" fmla="*/ 7086015 w 10749385"/>
              <a:gd name="connsiteY387" fmla="*/ 17093 h 34071"/>
              <a:gd name="connsiteX388" fmla="*/ 7069049 w 10749385"/>
              <a:gd name="connsiteY388" fmla="*/ 34071 h 34071"/>
              <a:gd name="connsiteX389" fmla="*/ 7051957 w 10749385"/>
              <a:gd name="connsiteY389" fmla="*/ 17093 h 34071"/>
              <a:gd name="connsiteX390" fmla="*/ 7143671 w 10749385"/>
              <a:gd name="connsiteY390" fmla="*/ 17093 h 34071"/>
              <a:gd name="connsiteX391" fmla="*/ 7160636 w 10749385"/>
              <a:gd name="connsiteY391" fmla="*/ 0 h 34071"/>
              <a:gd name="connsiteX392" fmla="*/ 7177602 w 10749385"/>
              <a:gd name="connsiteY392" fmla="*/ 17093 h 34071"/>
              <a:gd name="connsiteX393" fmla="*/ 7160636 w 10749385"/>
              <a:gd name="connsiteY393" fmla="*/ 34071 h 34071"/>
              <a:gd name="connsiteX394" fmla="*/ 7143671 w 10749385"/>
              <a:gd name="connsiteY394" fmla="*/ 17093 h 34071"/>
              <a:gd name="connsiteX395" fmla="*/ 7235143 w 10749385"/>
              <a:gd name="connsiteY395" fmla="*/ 17093 h 34071"/>
              <a:gd name="connsiteX396" fmla="*/ 7252236 w 10749385"/>
              <a:gd name="connsiteY396" fmla="*/ 0 h 34071"/>
              <a:gd name="connsiteX397" fmla="*/ 7269201 w 10749385"/>
              <a:gd name="connsiteY397" fmla="*/ 17093 h 34071"/>
              <a:gd name="connsiteX398" fmla="*/ 7252236 w 10749385"/>
              <a:gd name="connsiteY398" fmla="*/ 34071 h 34071"/>
              <a:gd name="connsiteX399" fmla="*/ 7235143 w 10749385"/>
              <a:gd name="connsiteY399" fmla="*/ 17093 h 34071"/>
              <a:gd name="connsiteX400" fmla="*/ 7326718 w 10749385"/>
              <a:gd name="connsiteY400" fmla="*/ 17093 h 34071"/>
              <a:gd name="connsiteX401" fmla="*/ 7343810 w 10749385"/>
              <a:gd name="connsiteY401" fmla="*/ 0 h 34071"/>
              <a:gd name="connsiteX402" fmla="*/ 7360776 w 10749385"/>
              <a:gd name="connsiteY402" fmla="*/ 17093 h 34071"/>
              <a:gd name="connsiteX403" fmla="*/ 7343810 w 10749385"/>
              <a:gd name="connsiteY403" fmla="*/ 34071 h 34071"/>
              <a:gd name="connsiteX404" fmla="*/ 7326718 w 10749385"/>
              <a:gd name="connsiteY404" fmla="*/ 17093 h 34071"/>
              <a:gd name="connsiteX405" fmla="*/ 7418305 w 10749385"/>
              <a:gd name="connsiteY405" fmla="*/ 17093 h 34071"/>
              <a:gd name="connsiteX406" fmla="*/ 7435398 w 10749385"/>
              <a:gd name="connsiteY406" fmla="*/ 0 h 34071"/>
              <a:gd name="connsiteX407" fmla="*/ 7452363 w 10749385"/>
              <a:gd name="connsiteY407" fmla="*/ 17093 h 34071"/>
              <a:gd name="connsiteX408" fmla="*/ 7435398 w 10749385"/>
              <a:gd name="connsiteY408" fmla="*/ 34071 h 34071"/>
              <a:gd name="connsiteX409" fmla="*/ 7418305 w 10749385"/>
              <a:gd name="connsiteY409" fmla="*/ 17093 h 34071"/>
              <a:gd name="connsiteX410" fmla="*/ 7509905 w 10749385"/>
              <a:gd name="connsiteY410" fmla="*/ 17093 h 34071"/>
              <a:gd name="connsiteX411" fmla="*/ 7526998 w 10749385"/>
              <a:gd name="connsiteY411" fmla="*/ 0 h 34071"/>
              <a:gd name="connsiteX412" fmla="*/ 7543963 w 10749385"/>
              <a:gd name="connsiteY412" fmla="*/ 17093 h 34071"/>
              <a:gd name="connsiteX413" fmla="*/ 7526998 w 10749385"/>
              <a:gd name="connsiteY413" fmla="*/ 34071 h 34071"/>
              <a:gd name="connsiteX414" fmla="*/ 7509905 w 10749385"/>
              <a:gd name="connsiteY414" fmla="*/ 17093 h 34071"/>
              <a:gd name="connsiteX415" fmla="*/ 7601479 w 10749385"/>
              <a:gd name="connsiteY415" fmla="*/ 17093 h 34071"/>
              <a:gd name="connsiteX416" fmla="*/ 7618572 w 10749385"/>
              <a:gd name="connsiteY416" fmla="*/ 0 h 34071"/>
              <a:gd name="connsiteX417" fmla="*/ 7635538 w 10749385"/>
              <a:gd name="connsiteY417" fmla="*/ 17093 h 34071"/>
              <a:gd name="connsiteX418" fmla="*/ 7618572 w 10749385"/>
              <a:gd name="connsiteY418" fmla="*/ 34071 h 34071"/>
              <a:gd name="connsiteX419" fmla="*/ 7601479 w 10749385"/>
              <a:gd name="connsiteY419" fmla="*/ 17093 h 34071"/>
              <a:gd name="connsiteX420" fmla="*/ 7693066 w 10749385"/>
              <a:gd name="connsiteY420" fmla="*/ 17093 h 34071"/>
              <a:gd name="connsiteX421" fmla="*/ 7710159 w 10749385"/>
              <a:gd name="connsiteY421" fmla="*/ 0 h 34071"/>
              <a:gd name="connsiteX422" fmla="*/ 7727125 w 10749385"/>
              <a:gd name="connsiteY422" fmla="*/ 17093 h 34071"/>
              <a:gd name="connsiteX423" fmla="*/ 7710159 w 10749385"/>
              <a:gd name="connsiteY423" fmla="*/ 34071 h 34071"/>
              <a:gd name="connsiteX424" fmla="*/ 7693066 w 10749385"/>
              <a:gd name="connsiteY424" fmla="*/ 17093 h 34071"/>
              <a:gd name="connsiteX425" fmla="*/ 7784654 w 10749385"/>
              <a:gd name="connsiteY425" fmla="*/ 17093 h 34071"/>
              <a:gd name="connsiteX426" fmla="*/ 7801759 w 10749385"/>
              <a:gd name="connsiteY426" fmla="*/ 0 h 34071"/>
              <a:gd name="connsiteX427" fmla="*/ 7818724 w 10749385"/>
              <a:gd name="connsiteY427" fmla="*/ 17093 h 34071"/>
              <a:gd name="connsiteX428" fmla="*/ 7801759 w 10749385"/>
              <a:gd name="connsiteY428" fmla="*/ 34071 h 34071"/>
              <a:gd name="connsiteX429" fmla="*/ 7784654 w 10749385"/>
              <a:gd name="connsiteY429" fmla="*/ 17093 h 34071"/>
              <a:gd name="connsiteX430" fmla="*/ 7876241 w 10749385"/>
              <a:gd name="connsiteY430" fmla="*/ 17093 h 34071"/>
              <a:gd name="connsiteX431" fmla="*/ 7893333 w 10749385"/>
              <a:gd name="connsiteY431" fmla="*/ 0 h 34071"/>
              <a:gd name="connsiteX432" fmla="*/ 7910299 w 10749385"/>
              <a:gd name="connsiteY432" fmla="*/ 17093 h 34071"/>
              <a:gd name="connsiteX433" fmla="*/ 7893333 w 10749385"/>
              <a:gd name="connsiteY433" fmla="*/ 34071 h 34071"/>
              <a:gd name="connsiteX434" fmla="*/ 7876241 w 10749385"/>
              <a:gd name="connsiteY434" fmla="*/ 17093 h 34071"/>
              <a:gd name="connsiteX435" fmla="*/ 7967828 w 10749385"/>
              <a:gd name="connsiteY435" fmla="*/ 17093 h 34071"/>
              <a:gd name="connsiteX436" fmla="*/ 7984920 w 10749385"/>
              <a:gd name="connsiteY436" fmla="*/ 0 h 34071"/>
              <a:gd name="connsiteX437" fmla="*/ 8001886 w 10749385"/>
              <a:gd name="connsiteY437" fmla="*/ 17093 h 34071"/>
              <a:gd name="connsiteX438" fmla="*/ 7984920 w 10749385"/>
              <a:gd name="connsiteY438" fmla="*/ 34071 h 34071"/>
              <a:gd name="connsiteX439" fmla="*/ 7967828 w 10749385"/>
              <a:gd name="connsiteY439" fmla="*/ 17093 h 34071"/>
              <a:gd name="connsiteX440" fmla="*/ 8059415 w 10749385"/>
              <a:gd name="connsiteY440" fmla="*/ 17093 h 34071"/>
              <a:gd name="connsiteX441" fmla="*/ 8076521 w 10749385"/>
              <a:gd name="connsiteY441" fmla="*/ 0 h 34071"/>
              <a:gd name="connsiteX442" fmla="*/ 8093486 w 10749385"/>
              <a:gd name="connsiteY442" fmla="*/ 17093 h 34071"/>
              <a:gd name="connsiteX443" fmla="*/ 8076521 w 10749385"/>
              <a:gd name="connsiteY443" fmla="*/ 34071 h 34071"/>
              <a:gd name="connsiteX444" fmla="*/ 8059415 w 10749385"/>
              <a:gd name="connsiteY444" fmla="*/ 17093 h 34071"/>
              <a:gd name="connsiteX445" fmla="*/ 8151002 w 10749385"/>
              <a:gd name="connsiteY445" fmla="*/ 17093 h 34071"/>
              <a:gd name="connsiteX446" fmla="*/ 8168095 w 10749385"/>
              <a:gd name="connsiteY446" fmla="*/ 0 h 34071"/>
              <a:gd name="connsiteX447" fmla="*/ 8185060 w 10749385"/>
              <a:gd name="connsiteY447" fmla="*/ 17093 h 34071"/>
              <a:gd name="connsiteX448" fmla="*/ 8168095 w 10749385"/>
              <a:gd name="connsiteY448" fmla="*/ 34071 h 34071"/>
              <a:gd name="connsiteX449" fmla="*/ 8151002 w 10749385"/>
              <a:gd name="connsiteY449" fmla="*/ 17093 h 34071"/>
              <a:gd name="connsiteX450" fmla="*/ 8242589 w 10749385"/>
              <a:gd name="connsiteY450" fmla="*/ 17093 h 34071"/>
              <a:gd name="connsiteX451" fmla="*/ 8259682 w 10749385"/>
              <a:gd name="connsiteY451" fmla="*/ 0 h 34071"/>
              <a:gd name="connsiteX452" fmla="*/ 8276647 w 10749385"/>
              <a:gd name="connsiteY452" fmla="*/ 17093 h 34071"/>
              <a:gd name="connsiteX453" fmla="*/ 8259682 w 10749385"/>
              <a:gd name="connsiteY453" fmla="*/ 34071 h 34071"/>
              <a:gd name="connsiteX454" fmla="*/ 8242589 w 10749385"/>
              <a:gd name="connsiteY454" fmla="*/ 17093 h 34071"/>
              <a:gd name="connsiteX455" fmla="*/ 8334176 w 10749385"/>
              <a:gd name="connsiteY455" fmla="*/ 17093 h 34071"/>
              <a:gd name="connsiteX456" fmla="*/ 8351282 w 10749385"/>
              <a:gd name="connsiteY456" fmla="*/ 0 h 34071"/>
              <a:gd name="connsiteX457" fmla="*/ 8368235 w 10749385"/>
              <a:gd name="connsiteY457" fmla="*/ 17093 h 34071"/>
              <a:gd name="connsiteX458" fmla="*/ 8351282 w 10749385"/>
              <a:gd name="connsiteY458" fmla="*/ 34071 h 34071"/>
              <a:gd name="connsiteX459" fmla="*/ 8334176 w 10749385"/>
              <a:gd name="connsiteY459" fmla="*/ 17093 h 34071"/>
              <a:gd name="connsiteX460" fmla="*/ 8425776 w 10749385"/>
              <a:gd name="connsiteY460" fmla="*/ 17093 h 34071"/>
              <a:gd name="connsiteX461" fmla="*/ 8442856 w 10749385"/>
              <a:gd name="connsiteY461" fmla="*/ 0 h 34071"/>
              <a:gd name="connsiteX462" fmla="*/ 8459822 w 10749385"/>
              <a:gd name="connsiteY462" fmla="*/ 17093 h 34071"/>
              <a:gd name="connsiteX463" fmla="*/ 8442856 w 10749385"/>
              <a:gd name="connsiteY463" fmla="*/ 34071 h 34071"/>
              <a:gd name="connsiteX464" fmla="*/ 8425776 w 10749385"/>
              <a:gd name="connsiteY464" fmla="*/ 17093 h 34071"/>
              <a:gd name="connsiteX465" fmla="*/ 8517350 w 10749385"/>
              <a:gd name="connsiteY465" fmla="*/ 17093 h 34071"/>
              <a:gd name="connsiteX466" fmla="*/ 8534443 w 10749385"/>
              <a:gd name="connsiteY466" fmla="*/ 0 h 34071"/>
              <a:gd name="connsiteX467" fmla="*/ 8551409 w 10749385"/>
              <a:gd name="connsiteY467" fmla="*/ 17093 h 34071"/>
              <a:gd name="connsiteX468" fmla="*/ 8534443 w 10749385"/>
              <a:gd name="connsiteY468" fmla="*/ 34071 h 34071"/>
              <a:gd name="connsiteX469" fmla="*/ 8517350 w 10749385"/>
              <a:gd name="connsiteY469" fmla="*/ 17093 h 34071"/>
              <a:gd name="connsiteX470" fmla="*/ 8608938 w 10749385"/>
              <a:gd name="connsiteY470" fmla="*/ 17093 h 34071"/>
              <a:gd name="connsiteX471" fmla="*/ 8625903 w 10749385"/>
              <a:gd name="connsiteY471" fmla="*/ 0 h 34071"/>
              <a:gd name="connsiteX472" fmla="*/ 8642996 w 10749385"/>
              <a:gd name="connsiteY472" fmla="*/ 17093 h 34071"/>
              <a:gd name="connsiteX473" fmla="*/ 8625903 w 10749385"/>
              <a:gd name="connsiteY473" fmla="*/ 34071 h 34071"/>
              <a:gd name="connsiteX474" fmla="*/ 8608938 w 10749385"/>
              <a:gd name="connsiteY474" fmla="*/ 17093 h 34071"/>
              <a:gd name="connsiteX475" fmla="*/ 8700538 w 10749385"/>
              <a:gd name="connsiteY475" fmla="*/ 17093 h 34071"/>
              <a:gd name="connsiteX476" fmla="*/ 8717618 w 10749385"/>
              <a:gd name="connsiteY476" fmla="*/ 0 h 34071"/>
              <a:gd name="connsiteX477" fmla="*/ 8734583 w 10749385"/>
              <a:gd name="connsiteY477" fmla="*/ 17093 h 34071"/>
              <a:gd name="connsiteX478" fmla="*/ 8717618 w 10749385"/>
              <a:gd name="connsiteY478" fmla="*/ 34071 h 34071"/>
              <a:gd name="connsiteX479" fmla="*/ 8700538 w 10749385"/>
              <a:gd name="connsiteY479" fmla="*/ 17093 h 34071"/>
              <a:gd name="connsiteX480" fmla="*/ 8792112 w 10749385"/>
              <a:gd name="connsiteY480" fmla="*/ 17093 h 34071"/>
              <a:gd name="connsiteX481" fmla="*/ 8809205 w 10749385"/>
              <a:gd name="connsiteY481" fmla="*/ 0 h 34071"/>
              <a:gd name="connsiteX482" fmla="*/ 8826170 w 10749385"/>
              <a:gd name="connsiteY482" fmla="*/ 17093 h 34071"/>
              <a:gd name="connsiteX483" fmla="*/ 8809205 w 10749385"/>
              <a:gd name="connsiteY483" fmla="*/ 34071 h 34071"/>
              <a:gd name="connsiteX484" fmla="*/ 8792112 w 10749385"/>
              <a:gd name="connsiteY484" fmla="*/ 17093 h 34071"/>
              <a:gd name="connsiteX485" fmla="*/ 8883699 w 10749385"/>
              <a:gd name="connsiteY485" fmla="*/ 17093 h 34071"/>
              <a:gd name="connsiteX486" fmla="*/ 8900665 w 10749385"/>
              <a:gd name="connsiteY486" fmla="*/ 0 h 34071"/>
              <a:gd name="connsiteX487" fmla="*/ 8917757 w 10749385"/>
              <a:gd name="connsiteY487" fmla="*/ 17093 h 34071"/>
              <a:gd name="connsiteX488" fmla="*/ 8900665 w 10749385"/>
              <a:gd name="connsiteY488" fmla="*/ 34071 h 34071"/>
              <a:gd name="connsiteX489" fmla="*/ 8883699 w 10749385"/>
              <a:gd name="connsiteY489" fmla="*/ 17093 h 34071"/>
              <a:gd name="connsiteX490" fmla="*/ 8975299 w 10749385"/>
              <a:gd name="connsiteY490" fmla="*/ 17093 h 34071"/>
              <a:gd name="connsiteX491" fmla="*/ 8992264 w 10749385"/>
              <a:gd name="connsiteY491" fmla="*/ 0 h 34071"/>
              <a:gd name="connsiteX492" fmla="*/ 9009357 w 10749385"/>
              <a:gd name="connsiteY492" fmla="*/ 17093 h 34071"/>
              <a:gd name="connsiteX493" fmla="*/ 8992264 w 10749385"/>
              <a:gd name="connsiteY493" fmla="*/ 34071 h 34071"/>
              <a:gd name="connsiteX494" fmla="*/ 8975299 w 10749385"/>
              <a:gd name="connsiteY494" fmla="*/ 17093 h 34071"/>
              <a:gd name="connsiteX495" fmla="*/ 9066873 w 10749385"/>
              <a:gd name="connsiteY495" fmla="*/ 17093 h 34071"/>
              <a:gd name="connsiteX496" fmla="*/ 9083839 w 10749385"/>
              <a:gd name="connsiteY496" fmla="*/ 0 h 34071"/>
              <a:gd name="connsiteX497" fmla="*/ 9100931 w 10749385"/>
              <a:gd name="connsiteY497" fmla="*/ 17093 h 34071"/>
              <a:gd name="connsiteX498" fmla="*/ 9083839 w 10749385"/>
              <a:gd name="connsiteY498" fmla="*/ 34071 h 34071"/>
              <a:gd name="connsiteX499" fmla="*/ 9066873 w 10749385"/>
              <a:gd name="connsiteY499" fmla="*/ 17093 h 34071"/>
              <a:gd name="connsiteX500" fmla="*/ 9158460 w 10749385"/>
              <a:gd name="connsiteY500" fmla="*/ 17093 h 34071"/>
              <a:gd name="connsiteX501" fmla="*/ 9175426 w 10749385"/>
              <a:gd name="connsiteY501" fmla="*/ 0 h 34071"/>
              <a:gd name="connsiteX502" fmla="*/ 9192519 w 10749385"/>
              <a:gd name="connsiteY502" fmla="*/ 17093 h 34071"/>
              <a:gd name="connsiteX503" fmla="*/ 9175426 w 10749385"/>
              <a:gd name="connsiteY503" fmla="*/ 34071 h 34071"/>
              <a:gd name="connsiteX504" fmla="*/ 9158460 w 10749385"/>
              <a:gd name="connsiteY504" fmla="*/ 17093 h 34071"/>
              <a:gd name="connsiteX505" fmla="*/ 9250061 w 10749385"/>
              <a:gd name="connsiteY505" fmla="*/ 17093 h 34071"/>
              <a:gd name="connsiteX506" fmla="*/ 9267026 w 10749385"/>
              <a:gd name="connsiteY506" fmla="*/ 0 h 34071"/>
              <a:gd name="connsiteX507" fmla="*/ 9284119 w 10749385"/>
              <a:gd name="connsiteY507" fmla="*/ 17093 h 34071"/>
              <a:gd name="connsiteX508" fmla="*/ 9267026 w 10749385"/>
              <a:gd name="connsiteY508" fmla="*/ 34071 h 34071"/>
              <a:gd name="connsiteX509" fmla="*/ 9250061 w 10749385"/>
              <a:gd name="connsiteY509" fmla="*/ 17093 h 34071"/>
              <a:gd name="connsiteX510" fmla="*/ 9341635 w 10749385"/>
              <a:gd name="connsiteY510" fmla="*/ 17093 h 34071"/>
              <a:gd name="connsiteX511" fmla="*/ 9358600 w 10749385"/>
              <a:gd name="connsiteY511" fmla="*/ 0 h 34071"/>
              <a:gd name="connsiteX512" fmla="*/ 9375693 w 10749385"/>
              <a:gd name="connsiteY512" fmla="*/ 17093 h 34071"/>
              <a:gd name="connsiteX513" fmla="*/ 9358600 w 10749385"/>
              <a:gd name="connsiteY513" fmla="*/ 34071 h 34071"/>
              <a:gd name="connsiteX514" fmla="*/ 9341635 w 10749385"/>
              <a:gd name="connsiteY514" fmla="*/ 17093 h 34071"/>
              <a:gd name="connsiteX515" fmla="*/ 9433222 w 10749385"/>
              <a:gd name="connsiteY515" fmla="*/ 17093 h 34071"/>
              <a:gd name="connsiteX516" fmla="*/ 9450187 w 10749385"/>
              <a:gd name="connsiteY516" fmla="*/ 0 h 34071"/>
              <a:gd name="connsiteX517" fmla="*/ 9467280 w 10749385"/>
              <a:gd name="connsiteY517" fmla="*/ 17093 h 34071"/>
              <a:gd name="connsiteX518" fmla="*/ 9450187 w 10749385"/>
              <a:gd name="connsiteY518" fmla="*/ 34071 h 34071"/>
              <a:gd name="connsiteX519" fmla="*/ 9433222 w 10749385"/>
              <a:gd name="connsiteY519" fmla="*/ 17093 h 34071"/>
              <a:gd name="connsiteX520" fmla="*/ 9524822 w 10749385"/>
              <a:gd name="connsiteY520" fmla="*/ 17093 h 34071"/>
              <a:gd name="connsiteX521" fmla="*/ 9541775 w 10749385"/>
              <a:gd name="connsiteY521" fmla="*/ 0 h 34071"/>
              <a:gd name="connsiteX522" fmla="*/ 9558880 w 10749385"/>
              <a:gd name="connsiteY522" fmla="*/ 17093 h 34071"/>
              <a:gd name="connsiteX523" fmla="*/ 9541775 w 10749385"/>
              <a:gd name="connsiteY523" fmla="*/ 34071 h 34071"/>
              <a:gd name="connsiteX524" fmla="*/ 9524822 w 10749385"/>
              <a:gd name="connsiteY524" fmla="*/ 17093 h 34071"/>
              <a:gd name="connsiteX525" fmla="*/ 9616397 w 10749385"/>
              <a:gd name="connsiteY525" fmla="*/ 17093 h 34071"/>
              <a:gd name="connsiteX526" fmla="*/ 9633362 w 10749385"/>
              <a:gd name="connsiteY526" fmla="*/ 0 h 34071"/>
              <a:gd name="connsiteX527" fmla="*/ 9650454 w 10749385"/>
              <a:gd name="connsiteY527" fmla="*/ 17093 h 34071"/>
              <a:gd name="connsiteX528" fmla="*/ 9633362 w 10749385"/>
              <a:gd name="connsiteY528" fmla="*/ 34071 h 34071"/>
              <a:gd name="connsiteX529" fmla="*/ 9616397 w 10749385"/>
              <a:gd name="connsiteY529" fmla="*/ 17093 h 34071"/>
              <a:gd name="connsiteX530" fmla="*/ 9707984 w 10749385"/>
              <a:gd name="connsiteY530" fmla="*/ 17093 h 34071"/>
              <a:gd name="connsiteX531" fmla="*/ 9724949 w 10749385"/>
              <a:gd name="connsiteY531" fmla="*/ 0 h 34071"/>
              <a:gd name="connsiteX532" fmla="*/ 9742042 w 10749385"/>
              <a:gd name="connsiteY532" fmla="*/ 17093 h 34071"/>
              <a:gd name="connsiteX533" fmla="*/ 9724949 w 10749385"/>
              <a:gd name="connsiteY533" fmla="*/ 34071 h 34071"/>
              <a:gd name="connsiteX534" fmla="*/ 9707984 w 10749385"/>
              <a:gd name="connsiteY534" fmla="*/ 17093 h 34071"/>
              <a:gd name="connsiteX535" fmla="*/ 9799584 w 10749385"/>
              <a:gd name="connsiteY535" fmla="*/ 17093 h 34071"/>
              <a:gd name="connsiteX536" fmla="*/ 9816536 w 10749385"/>
              <a:gd name="connsiteY536" fmla="*/ 0 h 34071"/>
              <a:gd name="connsiteX537" fmla="*/ 9833642 w 10749385"/>
              <a:gd name="connsiteY537" fmla="*/ 17093 h 34071"/>
              <a:gd name="connsiteX538" fmla="*/ 9816536 w 10749385"/>
              <a:gd name="connsiteY538" fmla="*/ 34071 h 34071"/>
              <a:gd name="connsiteX539" fmla="*/ 9799584 w 10749385"/>
              <a:gd name="connsiteY539" fmla="*/ 17093 h 34071"/>
              <a:gd name="connsiteX540" fmla="*/ 9891158 w 10749385"/>
              <a:gd name="connsiteY540" fmla="*/ 17093 h 34071"/>
              <a:gd name="connsiteX541" fmla="*/ 9908123 w 10749385"/>
              <a:gd name="connsiteY541" fmla="*/ 0 h 34071"/>
              <a:gd name="connsiteX542" fmla="*/ 9925101 w 10749385"/>
              <a:gd name="connsiteY542" fmla="*/ 17093 h 34071"/>
              <a:gd name="connsiteX543" fmla="*/ 9908123 w 10749385"/>
              <a:gd name="connsiteY543" fmla="*/ 34071 h 34071"/>
              <a:gd name="connsiteX544" fmla="*/ 9891158 w 10749385"/>
              <a:gd name="connsiteY544" fmla="*/ 17093 h 34071"/>
              <a:gd name="connsiteX545" fmla="*/ 9982745 w 10749385"/>
              <a:gd name="connsiteY545" fmla="*/ 17093 h 34071"/>
              <a:gd name="connsiteX546" fmla="*/ 9999710 w 10749385"/>
              <a:gd name="connsiteY546" fmla="*/ 0 h 34071"/>
              <a:gd name="connsiteX547" fmla="*/ 10016676 w 10749385"/>
              <a:gd name="connsiteY547" fmla="*/ 17093 h 34071"/>
              <a:gd name="connsiteX548" fmla="*/ 9999710 w 10749385"/>
              <a:gd name="connsiteY548" fmla="*/ 34071 h 34071"/>
              <a:gd name="connsiteX549" fmla="*/ 9982745 w 10749385"/>
              <a:gd name="connsiteY549" fmla="*/ 17093 h 34071"/>
              <a:gd name="connsiteX550" fmla="*/ 10074333 w 10749385"/>
              <a:gd name="connsiteY550" fmla="*/ 17093 h 34071"/>
              <a:gd name="connsiteX551" fmla="*/ 10091297 w 10749385"/>
              <a:gd name="connsiteY551" fmla="*/ 0 h 34071"/>
              <a:gd name="connsiteX552" fmla="*/ 10108403 w 10749385"/>
              <a:gd name="connsiteY552" fmla="*/ 17093 h 34071"/>
              <a:gd name="connsiteX553" fmla="*/ 10091297 w 10749385"/>
              <a:gd name="connsiteY553" fmla="*/ 34071 h 34071"/>
              <a:gd name="connsiteX554" fmla="*/ 10074333 w 10749385"/>
              <a:gd name="connsiteY554" fmla="*/ 17093 h 34071"/>
              <a:gd name="connsiteX555" fmla="*/ 10165920 w 10749385"/>
              <a:gd name="connsiteY555" fmla="*/ 17093 h 34071"/>
              <a:gd name="connsiteX556" fmla="*/ 10182898 w 10749385"/>
              <a:gd name="connsiteY556" fmla="*/ 0 h 34071"/>
              <a:gd name="connsiteX557" fmla="*/ 10199978 w 10749385"/>
              <a:gd name="connsiteY557" fmla="*/ 17093 h 34071"/>
              <a:gd name="connsiteX558" fmla="*/ 10182898 w 10749385"/>
              <a:gd name="connsiteY558" fmla="*/ 34071 h 34071"/>
              <a:gd name="connsiteX559" fmla="*/ 10165920 w 10749385"/>
              <a:gd name="connsiteY559" fmla="*/ 17093 h 34071"/>
              <a:gd name="connsiteX560" fmla="*/ 10257507 w 10749385"/>
              <a:gd name="connsiteY560" fmla="*/ 17093 h 34071"/>
              <a:gd name="connsiteX561" fmla="*/ 10274471 w 10749385"/>
              <a:gd name="connsiteY561" fmla="*/ 0 h 34071"/>
              <a:gd name="connsiteX562" fmla="*/ 10291437 w 10749385"/>
              <a:gd name="connsiteY562" fmla="*/ 17093 h 34071"/>
              <a:gd name="connsiteX563" fmla="*/ 10274471 w 10749385"/>
              <a:gd name="connsiteY563" fmla="*/ 34071 h 34071"/>
              <a:gd name="connsiteX564" fmla="*/ 10257507 w 10749385"/>
              <a:gd name="connsiteY564" fmla="*/ 17093 h 34071"/>
              <a:gd name="connsiteX565" fmla="*/ 10349094 w 10749385"/>
              <a:gd name="connsiteY565" fmla="*/ 17093 h 34071"/>
              <a:gd name="connsiteX566" fmla="*/ 10366059 w 10749385"/>
              <a:gd name="connsiteY566" fmla="*/ 0 h 34071"/>
              <a:gd name="connsiteX567" fmla="*/ 10383024 w 10749385"/>
              <a:gd name="connsiteY567" fmla="*/ 17093 h 34071"/>
              <a:gd name="connsiteX568" fmla="*/ 10366059 w 10749385"/>
              <a:gd name="connsiteY568" fmla="*/ 34071 h 34071"/>
              <a:gd name="connsiteX569" fmla="*/ 10349094 w 10749385"/>
              <a:gd name="connsiteY569" fmla="*/ 17093 h 34071"/>
              <a:gd name="connsiteX570" fmla="*/ 10440681 w 10749385"/>
              <a:gd name="connsiteY570" fmla="*/ 17093 h 34071"/>
              <a:gd name="connsiteX571" fmla="*/ 10457659 w 10749385"/>
              <a:gd name="connsiteY571" fmla="*/ 0 h 34071"/>
              <a:gd name="connsiteX572" fmla="*/ 10474624 w 10749385"/>
              <a:gd name="connsiteY572" fmla="*/ 17093 h 34071"/>
              <a:gd name="connsiteX573" fmla="*/ 10457659 w 10749385"/>
              <a:gd name="connsiteY573" fmla="*/ 34071 h 34071"/>
              <a:gd name="connsiteX574" fmla="*/ 10440681 w 10749385"/>
              <a:gd name="connsiteY574" fmla="*/ 17093 h 34071"/>
              <a:gd name="connsiteX575" fmla="*/ 10532268 w 10749385"/>
              <a:gd name="connsiteY575" fmla="*/ 17093 h 34071"/>
              <a:gd name="connsiteX576" fmla="*/ 10549233 w 10749385"/>
              <a:gd name="connsiteY576" fmla="*/ 0 h 34071"/>
              <a:gd name="connsiteX577" fmla="*/ 10566199 w 10749385"/>
              <a:gd name="connsiteY577" fmla="*/ 17093 h 34071"/>
              <a:gd name="connsiteX578" fmla="*/ 10549233 w 10749385"/>
              <a:gd name="connsiteY578" fmla="*/ 34071 h 34071"/>
              <a:gd name="connsiteX579" fmla="*/ 10532268 w 10749385"/>
              <a:gd name="connsiteY579" fmla="*/ 17093 h 34071"/>
              <a:gd name="connsiteX580" fmla="*/ 10623855 w 10749385"/>
              <a:gd name="connsiteY580" fmla="*/ 17093 h 34071"/>
              <a:gd name="connsiteX581" fmla="*/ 10640821 w 10749385"/>
              <a:gd name="connsiteY581" fmla="*/ 0 h 34071"/>
              <a:gd name="connsiteX582" fmla="*/ 10657786 w 10749385"/>
              <a:gd name="connsiteY582" fmla="*/ 17093 h 34071"/>
              <a:gd name="connsiteX583" fmla="*/ 10640821 w 10749385"/>
              <a:gd name="connsiteY583" fmla="*/ 34071 h 34071"/>
              <a:gd name="connsiteX584" fmla="*/ 10623855 w 10749385"/>
              <a:gd name="connsiteY584" fmla="*/ 17093 h 34071"/>
              <a:gd name="connsiteX585" fmla="*/ 10715455 w 10749385"/>
              <a:gd name="connsiteY585" fmla="*/ 17093 h 34071"/>
              <a:gd name="connsiteX586" fmla="*/ 10732420 w 10749385"/>
              <a:gd name="connsiteY586" fmla="*/ 0 h 34071"/>
              <a:gd name="connsiteX587" fmla="*/ 10749386 w 10749385"/>
              <a:gd name="connsiteY587" fmla="*/ 17093 h 34071"/>
              <a:gd name="connsiteX588" fmla="*/ 10732420 w 10749385"/>
              <a:gd name="connsiteY588" fmla="*/ 34071 h 34071"/>
              <a:gd name="connsiteX589" fmla="*/ 10715455 w 10749385"/>
              <a:gd name="connsiteY589" fmla="*/ 17093 h 340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Lst>
            <a:rect l="l" t="t" r="r" b="b"/>
            <a:pathLst>
              <a:path w="10749385" h="34071">
                <a:moveTo>
                  <a:pt x="0" y="17093"/>
                </a:moveTo>
                <a:cubicBezTo>
                  <a:pt x="0" y="7654"/>
                  <a:pt x="7654" y="0"/>
                  <a:pt x="16965" y="0"/>
                </a:cubicBezTo>
                <a:cubicBezTo>
                  <a:pt x="26392" y="0"/>
                  <a:pt x="34058" y="7654"/>
                  <a:pt x="34058" y="17093"/>
                </a:cubicBezTo>
                <a:cubicBezTo>
                  <a:pt x="34058" y="26405"/>
                  <a:pt x="26392" y="34071"/>
                  <a:pt x="16965" y="34071"/>
                </a:cubicBezTo>
                <a:cubicBezTo>
                  <a:pt x="7654" y="34071"/>
                  <a:pt x="0" y="26405"/>
                  <a:pt x="0" y="17093"/>
                </a:cubicBezTo>
                <a:moveTo>
                  <a:pt x="91587" y="17093"/>
                </a:moveTo>
                <a:cubicBezTo>
                  <a:pt x="91587" y="7654"/>
                  <a:pt x="99113" y="0"/>
                  <a:pt x="108552" y="0"/>
                </a:cubicBezTo>
                <a:cubicBezTo>
                  <a:pt x="117992" y="0"/>
                  <a:pt x="125645" y="7654"/>
                  <a:pt x="125645" y="17093"/>
                </a:cubicBezTo>
                <a:cubicBezTo>
                  <a:pt x="125645" y="26405"/>
                  <a:pt x="117992" y="34071"/>
                  <a:pt x="108552" y="34071"/>
                </a:cubicBezTo>
                <a:cubicBezTo>
                  <a:pt x="99113" y="34071"/>
                  <a:pt x="91587" y="26405"/>
                  <a:pt x="91587" y="17093"/>
                </a:cubicBezTo>
                <a:moveTo>
                  <a:pt x="183162" y="17093"/>
                </a:moveTo>
                <a:cubicBezTo>
                  <a:pt x="183162" y="7654"/>
                  <a:pt x="190828" y="0"/>
                  <a:pt x="200127" y="0"/>
                </a:cubicBezTo>
                <a:cubicBezTo>
                  <a:pt x="209579" y="0"/>
                  <a:pt x="217105" y="7654"/>
                  <a:pt x="217105" y="17093"/>
                </a:cubicBezTo>
                <a:cubicBezTo>
                  <a:pt x="217105" y="26405"/>
                  <a:pt x="209579" y="34071"/>
                  <a:pt x="200127" y="34071"/>
                </a:cubicBezTo>
                <a:cubicBezTo>
                  <a:pt x="190828" y="34071"/>
                  <a:pt x="183162" y="26405"/>
                  <a:pt x="183162" y="17093"/>
                </a:cubicBezTo>
                <a:moveTo>
                  <a:pt x="274762" y="17093"/>
                </a:moveTo>
                <a:cubicBezTo>
                  <a:pt x="274762" y="7654"/>
                  <a:pt x="282415" y="0"/>
                  <a:pt x="291727" y="0"/>
                </a:cubicBezTo>
                <a:cubicBezTo>
                  <a:pt x="301153" y="0"/>
                  <a:pt x="308692" y="7654"/>
                  <a:pt x="308692" y="17093"/>
                </a:cubicBezTo>
                <a:cubicBezTo>
                  <a:pt x="308692" y="26405"/>
                  <a:pt x="301153" y="34071"/>
                  <a:pt x="291727" y="34071"/>
                </a:cubicBezTo>
                <a:cubicBezTo>
                  <a:pt x="282415" y="34071"/>
                  <a:pt x="274762" y="26405"/>
                  <a:pt x="274762" y="17093"/>
                </a:cubicBezTo>
                <a:moveTo>
                  <a:pt x="366349" y="17093"/>
                </a:moveTo>
                <a:cubicBezTo>
                  <a:pt x="366349" y="7654"/>
                  <a:pt x="373875" y="0"/>
                  <a:pt x="383314" y="0"/>
                </a:cubicBezTo>
                <a:cubicBezTo>
                  <a:pt x="392753" y="0"/>
                  <a:pt x="400407" y="7654"/>
                  <a:pt x="400407" y="17093"/>
                </a:cubicBezTo>
                <a:cubicBezTo>
                  <a:pt x="400407" y="26405"/>
                  <a:pt x="392753" y="34071"/>
                  <a:pt x="383314" y="34071"/>
                </a:cubicBezTo>
                <a:cubicBezTo>
                  <a:pt x="373875" y="34071"/>
                  <a:pt x="366349" y="26405"/>
                  <a:pt x="366349" y="17093"/>
                </a:cubicBezTo>
                <a:moveTo>
                  <a:pt x="457923" y="17093"/>
                </a:moveTo>
                <a:cubicBezTo>
                  <a:pt x="457923" y="7654"/>
                  <a:pt x="465462" y="0"/>
                  <a:pt x="474888" y="0"/>
                </a:cubicBezTo>
                <a:cubicBezTo>
                  <a:pt x="484340" y="0"/>
                  <a:pt x="491866" y="7654"/>
                  <a:pt x="491866" y="17093"/>
                </a:cubicBezTo>
                <a:cubicBezTo>
                  <a:pt x="491866" y="26405"/>
                  <a:pt x="484340" y="34071"/>
                  <a:pt x="474888" y="34071"/>
                </a:cubicBezTo>
                <a:cubicBezTo>
                  <a:pt x="465462" y="34071"/>
                  <a:pt x="457923" y="26405"/>
                  <a:pt x="457923" y="17093"/>
                </a:cubicBezTo>
                <a:moveTo>
                  <a:pt x="549523" y="17093"/>
                </a:moveTo>
                <a:cubicBezTo>
                  <a:pt x="549523" y="7654"/>
                  <a:pt x="557049" y="0"/>
                  <a:pt x="566488" y="0"/>
                </a:cubicBezTo>
                <a:cubicBezTo>
                  <a:pt x="575915" y="0"/>
                  <a:pt x="583454" y="7654"/>
                  <a:pt x="583454" y="17093"/>
                </a:cubicBezTo>
                <a:cubicBezTo>
                  <a:pt x="583454" y="26405"/>
                  <a:pt x="575915" y="34071"/>
                  <a:pt x="566488" y="34071"/>
                </a:cubicBezTo>
                <a:cubicBezTo>
                  <a:pt x="557049" y="34071"/>
                  <a:pt x="549523" y="26405"/>
                  <a:pt x="549523" y="17093"/>
                </a:cubicBezTo>
                <a:moveTo>
                  <a:pt x="641110" y="17093"/>
                </a:moveTo>
                <a:cubicBezTo>
                  <a:pt x="641110" y="7654"/>
                  <a:pt x="648636" y="0"/>
                  <a:pt x="658075" y="0"/>
                </a:cubicBezTo>
                <a:cubicBezTo>
                  <a:pt x="667515" y="0"/>
                  <a:pt x="675041" y="7654"/>
                  <a:pt x="675041" y="17093"/>
                </a:cubicBezTo>
                <a:cubicBezTo>
                  <a:pt x="675041" y="26405"/>
                  <a:pt x="667515" y="34071"/>
                  <a:pt x="658075" y="34071"/>
                </a:cubicBezTo>
                <a:cubicBezTo>
                  <a:pt x="648636" y="34071"/>
                  <a:pt x="641110" y="26405"/>
                  <a:pt x="641110" y="17093"/>
                </a:cubicBezTo>
                <a:moveTo>
                  <a:pt x="732685" y="17093"/>
                </a:moveTo>
                <a:cubicBezTo>
                  <a:pt x="732685" y="7654"/>
                  <a:pt x="740210" y="0"/>
                  <a:pt x="749663" y="0"/>
                </a:cubicBezTo>
                <a:cubicBezTo>
                  <a:pt x="759102" y="0"/>
                  <a:pt x="766743" y="7654"/>
                  <a:pt x="766743" y="17093"/>
                </a:cubicBezTo>
                <a:cubicBezTo>
                  <a:pt x="766743" y="26405"/>
                  <a:pt x="759102" y="34071"/>
                  <a:pt x="749663" y="34071"/>
                </a:cubicBezTo>
                <a:cubicBezTo>
                  <a:pt x="740210" y="34071"/>
                  <a:pt x="732685" y="26405"/>
                  <a:pt x="732685" y="17093"/>
                </a:cubicBezTo>
                <a:moveTo>
                  <a:pt x="824284" y="17093"/>
                </a:moveTo>
                <a:cubicBezTo>
                  <a:pt x="824284" y="7654"/>
                  <a:pt x="831810" y="0"/>
                  <a:pt x="841250" y="0"/>
                </a:cubicBezTo>
                <a:cubicBezTo>
                  <a:pt x="850676" y="0"/>
                  <a:pt x="858202" y="7654"/>
                  <a:pt x="858202" y="17093"/>
                </a:cubicBezTo>
                <a:cubicBezTo>
                  <a:pt x="858202" y="26405"/>
                  <a:pt x="850676" y="34071"/>
                  <a:pt x="841250" y="34071"/>
                </a:cubicBezTo>
                <a:cubicBezTo>
                  <a:pt x="831810" y="34071"/>
                  <a:pt x="824284" y="26405"/>
                  <a:pt x="824284" y="17093"/>
                </a:cubicBezTo>
                <a:moveTo>
                  <a:pt x="915872" y="17093"/>
                </a:moveTo>
                <a:cubicBezTo>
                  <a:pt x="915872" y="7654"/>
                  <a:pt x="923398" y="0"/>
                  <a:pt x="932837" y="0"/>
                </a:cubicBezTo>
                <a:cubicBezTo>
                  <a:pt x="942276" y="0"/>
                  <a:pt x="949802" y="7654"/>
                  <a:pt x="949802" y="17093"/>
                </a:cubicBezTo>
                <a:cubicBezTo>
                  <a:pt x="949802" y="26405"/>
                  <a:pt x="942276" y="34071"/>
                  <a:pt x="932837" y="34071"/>
                </a:cubicBezTo>
                <a:cubicBezTo>
                  <a:pt x="923398" y="34071"/>
                  <a:pt x="915872" y="26405"/>
                  <a:pt x="915872" y="17093"/>
                </a:cubicBezTo>
                <a:moveTo>
                  <a:pt x="1007446" y="17093"/>
                </a:moveTo>
                <a:cubicBezTo>
                  <a:pt x="1007446" y="7654"/>
                  <a:pt x="1014972" y="0"/>
                  <a:pt x="1024424" y="0"/>
                </a:cubicBezTo>
                <a:cubicBezTo>
                  <a:pt x="1033863" y="0"/>
                  <a:pt x="1041389" y="7654"/>
                  <a:pt x="1041389" y="17093"/>
                </a:cubicBezTo>
                <a:cubicBezTo>
                  <a:pt x="1041389" y="26405"/>
                  <a:pt x="1033863" y="34071"/>
                  <a:pt x="1024424" y="34071"/>
                </a:cubicBezTo>
                <a:cubicBezTo>
                  <a:pt x="1014972" y="34071"/>
                  <a:pt x="1007446" y="26405"/>
                  <a:pt x="1007446" y="17093"/>
                </a:cubicBezTo>
                <a:moveTo>
                  <a:pt x="1099046" y="17093"/>
                </a:moveTo>
                <a:cubicBezTo>
                  <a:pt x="1099046" y="7654"/>
                  <a:pt x="1106572" y="0"/>
                  <a:pt x="1116011" y="0"/>
                </a:cubicBezTo>
                <a:cubicBezTo>
                  <a:pt x="1125438" y="0"/>
                  <a:pt x="1132964" y="7654"/>
                  <a:pt x="1132964" y="17093"/>
                </a:cubicBezTo>
                <a:cubicBezTo>
                  <a:pt x="1132964" y="26405"/>
                  <a:pt x="1125438" y="34071"/>
                  <a:pt x="1116011" y="34071"/>
                </a:cubicBezTo>
                <a:cubicBezTo>
                  <a:pt x="1106572" y="34071"/>
                  <a:pt x="1099046" y="26405"/>
                  <a:pt x="1099046" y="17093"/>
                </a:cubicBezTo>
                <a:moveTo>
                  <a:pt x="1190633" y="17093"/>
                </a:moveTo>
                <a:cubicBezTo>
                  <a:pt x="1190633" y="7654"/>
                  <a:pt x="1198159" y="0"/>
                  <a:pt x="1207598" y="0"/>
                </a:cubicBezTo>
                <a:cubicBezTo>
                  <a:pt x="1217038" y="0"/>
                  <a:pt x="1224564" y="7654"/>
                  <a:pt x="1224564" y="17093"/>
                </a:cubicBezTo>
                <a:cubicBezTo>
                  <a:pt x="1224564" y="26405"/>
                  <a:pt x="1217038" y="34071"/>
                  <a:pt x="1207598" y="34071"/>
                </a:cubicBezTo>
                <a:cubicBezTo>
                  <a:pt x="1198159" y="34071"/>
                  <a:pt x="1190633" y="26405"/>
                  <a:pt x="1190633" y="17093"/>
                </a:cubicBezTo>
                <a:moveTo>
                  <a:pt x="1282220" y="17093"/>
                </a:moveTo>
                <a:cubicBezTo>
                  <a:pt x="1282220" y="7654"/>
                  <a:pt x="1289733" y="0"/>
                  <a:pt x="1299186" y="0"/>
                </a:cubicBezTo>
                <a:cubicBezTo>
                  <a:pt x="1308625" y="0"/>
                  <a:pt x="1316151" y="7654"/>
                  <a:pt x="1316151" y="17093"/>
                </a:cubicBezTo>
                <a:cubicBezTo>
                  <a:pt x="1316151" y="26405"/>
                  <a:pt x="1308625" y="34071"/>
                  <a:pt x="1299186" y="34071"/>
                </a:cubicBezTo>
                <a:cubicBezTo>
                  <a:pt x="1289733" y="34071"/>
                  <a:pt x="1282220" y="26405"/>
                  <a:pt x="1282220" y="17093"/>
                </a:cubicBezTo>
                <a:moveTo>
                  <a:pt x="1373807" y="17093"/>
                </a:moveTo>
                <a:cubicBezTo>
                  <a:pt x="1373807" y="7654"/>
                  <a:pt x="1381333" y="0"/>
                  <a:pt x="1390760" y="0"/>
                </a:cubicBezTo>
                <a:cubicBezTo>
                  <a:pt x="1400212" y="0"/>
                  <a:pt x="1407725" y="7654"/>
                  <a:pt x="1407725" y="17093"/>
                </a:cubicBezTo>
                <a:cubicBezTo>
                  <a:pt x="1407725" y="26405"/>
                  <a:pt x="1400212" y="34071"/>
                  <a:pt x="1390760" y="34071"/>
                </a:cubicBezTo>
                <a:cubicBezTo>
                  <a:pt x="1381333" y="34071"/>
                  <a:pt x="1373807" y="26405"/>
                  <a:pt x="1373807" y="17093"/>
                </a:cubicBezTo>
                <a:moveTo>
                  <a:pt x="1465395" y="17093"/>
                </a:moveTo>
                <a:cubicBezTo>
                  <a:pt x="1465395" y="7654"/>
                  <a:pt x="1472921" y="0"/>
                  <a:pt x="1482360" y="0"/>
                </a:cubicBezTo>
                <a:cubicBezTo>
                  <a:pt x="1491659" y="0"/>
                  <a:pt x="1499325" y="7654"/>
                  <a:pt x="1499325" y="17093"/>
                </a:cubicBezTo>
                <a:cubicBezTo>
                  <a:pt x="1499325" y="26405"/>
                  <a:pt x="1491659" y="34071"/>
                  <a:pt x="1482360" y="34071"/>
                </a:cubicBezTo>
                <a:cubicBezTo>
                  <a:pt x="1472921" y="34071"/>
                  <a:pt x="1465395" y="26405"/>
                  <a:pt x="1465395" y="17093"/>
                </a:cubicBezTo>
                <a:moveTo>
                  <a:pt x="1556982" y="17093"/>
                </a:moveTo>
                <a:cubicBezTo>
                  <a:pt x="1556982" y="7654"/>
                  <a:pt x="1564495" y="0"/>
                  <a:pt x="1573947" y="0"/>
                </a:cubicBezTo>
                <a:cubicBezTo>
                  <a:pt x="1583386" y="0"/>
                  <a:pt x="1590912" y="7654"/>
                  <a:pt x="1590912" y="17093"/>
                </a:cubicBezTo>
                <a:cubicBezTo>
                  <a:pt x="1590912" y="26405"/>
                  <a:pt x="1583386" y="34071"/>
                  <a:pt x="1573947" y="34071"/>
                </a:cubicBezTo>
                <a:cubicBezTo>
                  <a:pt x="1564495" y="34071"/>
                  <a:pt x="1556982" y="26405"/>
                  <a:pt x="1556982" y="17093"/>
                </a:cubicBezTo>
                <a:moveTo>
                  <a:pt x="1648429" y="17093"/>
                </a:moveTo>
                <a:cubicBezTo>
                  <a:pt x="1648429" y="7654"/>
                  <a:pt x="1656095" y="0"/>
                  <a:pt x="1665521" y="0"/>
                </a:cubicBezTo>
                <a:cubicBezTo>
                  <a:pt x="1674974" y="0"/>
                  <a:pt x="1682487" y="7654"/>
                  <a:pt x="1682487" y="17093"/>
                </a:cubicBezTo>
                <a:cubicBezTo>
                  <a:pt x="1682487" y="26405"/>
                  <a:pt x="1674974" y="34071"/>
                  <a:pt x="1665521" y="34071"/>
                </a:cubicBezTo>
                <a:cubicBezTo>
                  <a:pt x="1656095" y="34071"/>
                  <a:pt x="1648429" y="26405"/>
                  <a:pt x="1648429" y="17093"/>
                </a:cubicBezTo>
                <a:moveTo>
                  <a:pt x="1740029" y="17093"/>
                </a:moveTo>
                <a:cubicBezTo>
                  <a:pt x="1740029" y="7654"/>
                  <a:pt x="1747682" y="0"/>
                  <a:pt x="1757121" y="0"/>
                </a:cubicBezTo>
                <a:cubicBezTo>
                  <a:pt x="1766561" y="0"/>
                  <a:pt x="1774087" y="7654"/>
                  <a:pt x="1774087" y="17093"/>
                </a:cubicBezTo>
                <a:cubicBezTo>
                  <a:pt x="1774087" y="26405"/>
                  <a:pt x="1766561" y="34071"/>
                  <a:pt x="1757121" y="34071"/>
                </a:cubicBezTo>
                <a:cubicBezTo>
                  <a:pt x="1747682" y="34071"/>
                  <a:pt x="1740029" y="26405"/>
                  <a:pt x="1740029" y="17093"/>
                </a:cubicBezTo>
                <a:moveTo>
                  <a:pt x="1831616" y="17093"/>
                </a:moveTo>
                <a:cubicBezTo>
                  <a:pt x="1831616" y="7654"/>
                  <a:pt x="1839256" y="0"/>
                  <a:pt x="1848708" y="0"/>
                </a:cubicBezTo>
                <a:cubicBezTo>
                  <a:pt x="1858020" y="0"/>
                  <a:pt x="1865674" y="7654"/>
                  <a:pt x="1865674" y="17093"/>
                </a:cubicBezTo>
                <a:cubicBezTo>
                  <a:pt x="1865674" y="26405"/>
                  <a:pt x="1858020" y="34071"/>
                  <a:pt x="1848708" y="34071"/>
                </a:cubicBezTo>
                <a:cubicBezTo>
                  <a:pt x="1839256" y="34071"/>
                  <a:pt x="1831616" y="26405"/>
                  <a:pt x="1831616" y="17093"/>
                </a:cubicBezTo>
                <a:moveTo>
                  <a:pt x="1923203" y="17093"/>
                </a:moveTo>
                <a:cubicBezTo>
                  <a:pt x="1923203" y="7654"/>
                  <a:pt x="1930856" y="0"/>
                  <a:pt x="1940283" y="0"/>
                </a:cubicBezTo>
                <a:cubicBezTo>
                  <a:pt x="1949607" y="0"/>
                  <a:pt x="1957248" y="7654"/>
                  <a:pt x="1957248" y="17093"/>
                </a:cubicBezTo>
                <a:cubicBezTo>
                  <a:pt x="1957248" y="26405"/>
                  <a:pt x="1949607" y="34071"/>
                  <a:pt x="1940283" y="34071"/>
                </a:cubicBezTo>
                <a:cubicBezTo>
                  <a:pt x="1930856" y="34071"/>
                  <a:pt x="1923203" y="26405"/>
                  <a:pt x="1923203" y="17093"/>
                </a:cubicBezTo>
                <a:moveTo>
                  <a:pt x="2014790" y="17093"/>
                </a:moveTo>
                <a:cubicBezTo>
                  <a:pt x="2014790" y="7654"/>
                  <a:pt x="2022444" y="0"/>
                  <a:pt x="2031883" y="0"/>
                </a:cubicBezTo>
                <a:cubicBezTo>
                  <a:pt x="2041310" y="0"/>
                  <a:pt x="2048848" y="7654"/>
                  <a:pt x="2048848" y="17093"/>
                </a:cubicBezTo>
                <a:cubicBezTo>
                  <a:pt x="2048848" y="26405"/>
                  <a:pt x="2041310" y="34071"/>
                  <a:pt x="2031883" y="34071"/>
                </a:cubicBezTo>
                <a:cubicBezTo>
                  <a:pt x="2022444" y="34071"/>
                  <a:pt x="2014790" y="26405"/>
                  <a:pt x="2014790" y="17093"/>
                </a:cubicBezTo>
                <a:moveTo>
                  <a:pt x="2106377" y="17093"/>
                </a:moveTo>
                <a:cubicBezTo>
                  <a:pt x="2106377" y="7654"/>
                  <a:pt x="2114018" y="0"/>
                  <a:pt x="2123470" y="0"/>
                </a:cubicBezTo>
                <a:cubicBezTo>
                  <a:pt x="2132909" y="0"/>
                  <a:pt x="2140435" y="7654"/>
                  <a:pt x="2140435" y="17093"/>
                </a:cubicBezTo>
                <a:cubicBezTo>
                  <a:pt x="2140435" y="26405"/>
                  <a:pt x="2132909" y="34071"/>
                  <a:pt x="2123470" y="34071"/>
                </a:cubicBezTo>
                <a:cubicBezTo>
                  <a:pt x="2114018" y="34071"/>
                  <a:pt x="2106377" y="26405"/>
                  <a:pt x="2106377" y="17093"/>
                </a:cubicBezTo>
                <a:moveTo>
                  <a:pt x="2197964" y="17093"/>
                </a:moveTo>
                <a:cubicBezTo>
                  <a:pt x="2197964" y="7654"/>
                  <a:pt x="2205618" y="0"/>
                  <a:pt x="2215044" y="0"/>
                </a:cubicBezTo>
                <a:cubicBezTo>
                  <a:pt x="2224497" y="0"/>
                  <a:pt x="2232010" y="7654"/>
                  <a:pt x="2232010" y="17093"/>
                </a:cubicBezTo>
                <a:cubicBezTo>
                  <a:pt x="2232010" y="26405"/>
                  <a:pt x="2224497" y="34071"/>
                  <a:pt x="2215044" y="34071"/>
                </a:cubicBezTo>
                <a:cubicBezTo>
                  <a:pt x="2205618" y="34071"/>
                  <a:pt x="2197964" y="26405"/>
                  <a:pt x="2197964" y="17093"/>
                </a:cubicBezTo>
                <a:moveTo>
                  <a:pt x="2289552" y="17093"/>
                </a:moveTo>
                <a:cubicBezTo>
                  <a:pt x="2289552" y="7654"/>
                  <a:pt x="2297205" y="0"/>
                  <a:pt x="2306644" y="0"/>
                </a:cubicBezTo>
                <a:cubicBezTo>
                  <a:pt x="2315956" y="0"/>
                  <a:pt x="2323610" y="7654"/>
                  <a:pt x="2323610" y="17093"/>
                </a:cubicBezTo>
                <a:cubicBezTo>
                  <a:pt x="2323610" y="26405"/>
                  <a:pt x="2315956" y="34071"/>
                  <a:pt x="2306644" y="34071"/>
                </a:cubicBezTo>
                <a:cubicBezTo>
                  <a:pt x="2297205" y="34071"/>
                  <a:pt x="2289552" y="26405"/>
                  <a:pt x="2289552" y="17093"/>
                </a:cubicBezTo>
                <a:moveTo>
                  <a:pt x="2381266" y="17093"/>
                </a:moveTo>
                <a:cubicBezTo>
                  <a:pt x="2381266" y="7654"/>
                  <a:pt x="2388792" y="0"/>
                  <a:pt x="2398231" y="0"/>
                </a:cubicBezTo>
                <a:cubicBezTo>
                  <a:pt x="2407543" y="0"/>
                  <a:pt x="2415197" y="7654"/>
                  <a:pt x="2415197" y="17093"/>
                </a:cubicBezTo>
                <a:cubicBezTo>
                  <a:pt x="2415197" y="26405"/>
                  <a:pt x="2407543" y="34071"/>
                  <a:pt x="2398231" y="34071"/>
                </a:cubicBezTo>
                <a:cubicBezTo>
                  <a:pt x="2388792" y="34071"/>
                  <a:pt x="2381266" y="26405"/>
                  <a:pt x="2381266" y="17093"/>
                </a:cubicBezTo>
                <a:moveTo>
                  <a:pt x="2472726" y="17093"/>
                </a:moveTo>
                <a:cubicBezTo>
                  <a:pt x="2472726" y="7654"/>
                  <a:pt x="2480379" y="0"/>
                  <a:pt x="2489806" y="0"/>
                </a:cubicBezTo>
                <a:cubicBezTo>
                  <a:pt x="2499130" y="0"/>
                  <a:pt x="2506784" y="7654"/>
                  <a:pt x="2506784" y="17093"/>
                </a:cubicBezTo>
                <a:cubicBezTo>
                  <a:pt x="2506784" y="26405"/>
                  <a:pt x="2499130" y="34071"/>
                  <a:pt x="2489806" y="34071"/>
                </a:cubicBezTo>
                <a:cubicBezTo>
                  <a:pt x="2480379" y="34071"/>
                  <a:pt x="2472726" y="26405"/>
                  <a:pt x="2472726" y="17093"/>
                </a:cubicBezTo>
                <a:moveTo>
                  <a:pt x="2564300" y="17093"/>
                </a:moveTo>
                <a:cubicBezTo>
                  <a:pt x="2564300" y="7654"/>
                  <a:pt x="2571967" y="0"/>
                  <a:pt x="2581406" y="0"/>
                </a:cubicBezTo>
                <a:cubicBezTo>
                  <a:pt x="2590832" y="0"/>
                  <a:pt x="2598371" y="7654"/>
                  <a:pt x="2598371" y="17093"/>
                </a:cubicBezTo>
                <a:cubicBezTo>
                  <a:pt x="2598371" y="26405"/>
                  <a:pt x="2590832" y="34071"/>
                  <a:pt x="2581406" y="34071"/>
                </a:cubicBezTo>
                <a:cubicBezTo>
                  <a:pt x="2571967" y="34071"/>
                  <a:pt x="2564300" y="26405"/>
                  <a:pt x="2564300" y="17093"/>
                </a:cubicBezTo>
                <a:moveTo>
                  <a:pt x="2655900" y="17093"/>
                </a:moveTo>
                <a:cubicBezTo>
                  <a:pt x="2655900" y="7654"/>
                  <a:pt x="2663554" y="0"/>
                  <a:pt x="2672993" y="0"/>
                </a:cubicBezTo>
                <a:cubicBezTo>
                  <a:pt x="2682292" y="0"/>
                  <a:pt x="2689958" y="7654"/>
                  <a:pt x="2689958" y="17093"/>
                </a:cubicBezTo>
                <a:cubicBezTo>
                  <a:pt x="2689958" y="26405"/>
                  <a:pt x="2682292" y="34071"/>
                  <a:pt x="2672993" y="34071"/>
                </a:cubicBezTo>
                <a:cubicBezTo>
                  <a:pt x="2663554" y="34071"/>
                  <a:pt x="2655900" y="26405"/>
                  <a:pt x="2655900" y="17093"/>
                </a:cubicBezTo>
                <a:moveTo>
                  <a:pt x="2747602" y="17093"/>
                </a:moveTo>
                <a:cubicBezTo>
                  <a:pt x="2747602" y="7654"/>
                  <a:pt x="2755141" y="0"/>
                  <a:pt x="2764567" y="0"/>
                </a:cubicBezTo>
                <a:cubicBezTo>
                  <a:pt x="2773892" y="0"/>
                  <a:pt x="2781545" y="7654"/>
                  <a:pt x="2781545" y="17093"/>
                </a:cubicBezTo>
                <a:cubicBezTo>
                  <a:pt x="2781545" y="26405"/>
                  <a:pt x="2773892" y="34071"/>
                  <a:pt x="2764567" y="34071"/>
                </a:cubicBezTo>
                <a:cubicBezTo>
                  <a:pt x="2755141" y="34071"/>
                  <a:pt x="2747602" y="26405"/>
                  <a:pt x="2747602" y="17093"/>
                </a:cubicBezTo>
                <a:moveTo>
                  <a:pt x="2839062" y="17093"/>
                </a:moveTo>
                <a:cubicBezTo>
                  <a:pt x="2839062" y="7654"/>
                  <a:pt x="2846728" y="0"/>
                  <a:pt x="2856167" y="0"/>
                </a:cubicBezTo>
                <a:cubicBezTo>
                  <a:pt x="2865479" y="0"/>
                  <a:pt x="2873133" y="7654"/>
                  <a:pt x="2873133" y="17093"/>
                </a:cubicBezTo>
                <a:cubicBezTo>
                  <a:pt x="2873133" y="26405"/>
                  <a:pt x="2865479" y="34071"/>
                  <a:pt x="2856167" y="34071"/>
                </a:cubicBezTo>
                <a:cubicBezTo>
                  <a:pt x="2846728" y="34071"/>
                  <a:pt x="2839062" y="26405"/>
                  <a:pt x="2839062" y="17093"/>
                </a:cubicBezTo>
                <a:moveTo>
                  <a:pt x="2930662" y="17093"/>
                </a:moveTo>
                <a:cubicBezTo>
                  <a:pt x="2930662" y="7654"/>
                  <a:pt x="2938315" y="0"/>
                  <a:pt x="2947754" y="0"/>
                </a:cubicBezTo>
                <a:cubicBezTo>
                  <a:pt x="2957054" y="0"/>
                  <a:pt x="2964720" y="7654"/>
                  <a:pt x="2964720" y="17093"/>
                </a:cubicBezTo>
                <a:cubicBezTo>
                  <a:pt x="2964720" y="26405"/>
                  <a:pt x="2957054" y="34071"/>
                  <a:pt x="2947754" y="34071"/>
                </a:cubicBezTo>
                <a:cubicBezTo>
                  <a:pt x="2938315" y="34071"/>
                  <a:pt x="2930662" y="26405"/>
                  <a:pt x="2930662" y="17093"/>
                </a:cubicBezTo>
                <a:moveTo>
                  <a:pt x="3022249" y="17093"/>
                </a:moveTo>
                <a:cubicBezTo>
                  <a:pt x="3022249" y="7654"/>
                  <a:pt x="3029890" y="0"/>
                  <a:pt x="3039342" y="0"/>
                </a:cubicBezTo>
                <a:cubicBezTo>
                  <a:pt x="3048653" y="0"/>
                  <a:pt x="3056307" y="7654"/>
                  <a:pt x="3056307" y="17093"/>
                </a:cubicBezTo>
                <a:cubicBezTo>
                  <a:pt x="3056307" y="26405"/>
                  <a:pt x="3048653" y="34071"/>
                  <a:pt x="3039342" y="34071"/>
                </a:cubicBezTo>
                <a:cubicBezTo>
                  <a:pt x="3029890" y="34071"/>
                  <a:pt x="3022249" y="26405"/>
                  <a:pt x="3022249" y="17093"/>
                </a:cubicBezTo>
                <a:moveTo>
                  <a:pt x="3113823" y="17093"/>
                </a:moveTo>
                <a:cubicBezTo>
                  <a:pt x="3113823" y="7654"/>
                  <a:pt x="3121490" y="0"/>
                  <a:pt x="3130929" y="0"/>
                </a:cubicBezTo>
                <a:cubicBezTo>
                  <a:pt x="3140240" y="0"/>
                  <a:pt x="3147881" y="7654"/>
                  <a:pt x="3147881" y="17093"/>
                </a:cubicBezTo>
                <a:cubicBezTo>
                  <a:pt x="3147881" y="26405"/>
                  <a:pt x="3140240" y="34071"/>
                  <a:pt x="3130929" y="34071"/>
                </a:cubicBezTo>
                <a:cubicBezTo>
                  <a:pt x="3121490" y="34071"/>
                  <a:pt x="3113823" y="26405"/>
                  <a:pt x="3113823" y="17093"/>
                </a:cubicBezTo>
                <a:moveTo>
                  <a:pt x="3205423" y="17093"/>
                </a:moveTo>
                <a:cubicBezTo>
                  <a:pt x="3205423" y="7654"/>
                  <a:pt x="3213077" y="0"/>
                  <a:pt x="3222516" y="0"/>
                </a:cubicBezTo>
                <a:cubicBezTo>
                  <a:pt x="3231815" y="0"/>
                  <a:pt x="3239481" y="7654"/>
                  <a:pt x="3239481" y="17093"/>
                </a:cubicBezTo>
                <a:cubicBezTo>
                  <a:pt x="3239481" y="26405"/>
                  <a:pt x="3231815" y="34071"/>
                  <a:pt x="3222516" y="34071"/>
                </a:cubicBezTo>
                <a:cubicBezTo>
                  <a:pt x="3213077" y="34071"/>
                  <a:pt x="3205423" y="26405"/>
                  <a:pt x="3205423" y="17093"/>
                </a:cubicBezTo>
                <a:moveTo>
                  <a:pt x="3297010" y="17093"/>
                </a:moveTo>
                <a:cubicBezTo>
                  <a:pt x="3297010" y="7654"/>
                  <a:pt x="3304651" y="0"/>
                  <a:pt x="3314103" y="0"/>
                </a:cubicBezTo>
                <a:cubicBezTo>
                  <a:pt x="3323415" y="0"/>
                  <a:pt x="3331069" y="7654"/>
                  <a:pt x="3331069" y="17093"/>
                </a:cubicBezTo>
                <a:cubicBezTo>
                  <a:pt x="3331069" y="26405"/>
                  <a:pt x="3323415" y="34071"/>
                  <a:pt x="3314103" y="34071"/>
                </a:cubicBezTo>
                <a:cubicBezTo>
                  <a:pt x="3304651" y="34071"/>
                  <a:pt x="3297010" y="26405"/>
                  <a:pt x="3297010" y="17093"/>
                </a:cubicBezTo>
                <a:moveTo>
                  <a:pt x="3388584" y="17093"/>
                </a:moveTo>
                <a:cubicBezTo>
                  <a:pt x="3388584" y="7654"/>
                  <a:pt x="3396251" y="0"/>
                  <a:pt x="3405690" y="0"/>
                </a:cubicBezTo>
                <a:cubicBezTo>
                  <a:pt x="3415002" y="0"/>
                  <a:pt x="3422643" y="7654"/>
                  <a:pt x="3422643" y="17093"/>
                </a:cubicBezTo>
                <a:cubicBezTo>
                  <a:pt x="3422643" y="26405"/>
                  <a:pt x="3415002" y="34071"/>
                  <a:pt x="3405690" y="34071"/>
                </a:cubicBezTo>
                <a:cubicBezTo>
                  <a:pt x="3396251" y="34071"/>
                  <a:pt x="3388584" y="26405"/>
                  <a:pt x="3388584" y="17093"/>
                </a:cubicBezTo>
                <a:moveTo>
                  <a:pt x="3480184" y="17093"/>
                </a:moveTo>
                <a:cubicBezTo>
                  <a:pt x="3480184" y="7654"/>
                  <a:pt x="3487838" y="0"/>
                  <a:pt x="3497278" y="0"/>
                </a:cubicBezTo>
                <a:cubicBezTo>
                  <a:pt x="3506576" y="0"/>
                  <a:pt x="3514243" y="7654"/>
                  <a:pt x="3514243" y="17093"/>
                </a:cubicBezTo>
                <a:cubicBezTo>
                  <a:pt x="3514243" y="26405"/>
                  <a:pt x="3506576" y="34071"/>
                  <a:pt x="3497278" y="34071"/>
                </a:cubicBezTo>
                <a:cubicBezTo>
                  <a:pt x="3487838" y="34071"/>
                  <a:pt x="3480184" y="26405"/>
                  <a:pt x="3480184" y="17093"/>
                </a:cubicBezTo>
                <a:moveTo>
                  <a:pt x="3571772" y="17093"/>
                </a:moveTo>
                <a:cubicBezTo>
                  <a:pt x="3571772" y="7654"/>
                  <a:pt x="3579413" y="0"/>
                  <a:pt x="3588865" y="0"/>
                </a:cubicBezTo>
                <a:cubicBezTo>
                  <a:pt x="3598176" y="0"/>
                  <a:pt x="3605830" y="7654"/>
                  <a:pt x="3605830" y="17093"/>
                </a:cubicBezTo>
                <a:cubicBezTo>
                  <a:pt x="3605830" y="26405"/>
                  <a:pt x="3598176" y="34071"/>
                  <a:pt x="3588865" y="34071"/>
                </a:cubicBezTo>
                <a:cubicBezTo>
                  <a:pt x="3579413" y="34071"/>
                  <a:pt x="3571772" y="26405"/>
                  <a:pt x="3571772" y="17093"/>
                </a:cubicBezTo>
                <a:moveTo>
                  <a:pt x="3663346" y="17093"/>
                </a:moveTo>
                <a:cubicBezTo>
                  <a:pt x="3663346" y="7654"/>
                  <a:pt x="3671013" y="0"/>
                  <a:pt x="3680324" y="0"/>
                </a:cubicBezTo>
                <a:cubicBezTo>
                  <a:pt x="3689764" y="0"/>
                  <a:pt x="3697404" y="7654"/>
                  <a:pt x="3697404" y="17093"/>
                </a:cubicBezTo>
                <a:cubicBezTo>
                  <a:pt x="3697404" y="26405"/>
                  <a:pt x="3689764" y="34071"/>
                  <a:pt x="3680324" y="34071"/>
                </a:cubicBezTo>
                <a:cubicBezTo>
                  <a:pt x="3671013" y="34071"/>
                  <a:pt x="3663346" y="26405"/>
                  <a:pt x="3663346" y="17093"/>
                </a:cubicBezTo>
                <a:moveTo>
                  <a:pt x="3754946" y="17093"/>
                </a:moveTo>
                <a:cubicBezTo>
                  <a:pt x="3754946" y="7654"/>
                  <a:pt x="3762600" y="0"/>
                  <a:pt x="3771912" y="0"/>
                </a:cubicBezTo>
                <a:cubicBezTo>
                  <a:pt x="3781338" y="0"/>
                  <a:pt x="3789004" y="7654"/>
                  <a:pt x="3789004" y="17093"/>
                </a:cubicBezTo>
                <a:cubicBezTo>
                  <a:pt x="3789004" y="26405"/>
                  <a:pt x="3781338" y="34071"/>
                  <a:pt x="3771912" y="34071"/>
                </a:cubicBezTo>
                <a:cubicBezTo>
                  <a:pt x="3762600" y="34071"/>
                  <a:pt x="3754946" y="26405"/>
                  <a:pt x="3754946" y="17093"/>
                </a:cubicBezTo>
                <a:moveTo>
                  <a:pt x="3846533" y="17093"/>
                </a:moveTo>
                <a:cubicBezTo>
                  <a:pt x="3846533" y="7654"/>
                  <a:pt x="3854174" y="0"/>
                  <a:pt x="3863499" y="0"/>
                </a:cubicBezTo>
                <a:cubicBezTo>
                  <a:pt x="3872938" y="0"/>
                  <a:pt x="3880591" y="7654"/>
                  <a:pt x="3880591" y="17093"/>
                </a:cubicBezTo>
                <a:cubicBezTo>
                  <a:pt x="3880591" y="26405"/>
                  <a:pt x="3872938" y="34071"/>
                  <a:pt x="3863499" y="34071"/>
                </a:cubicBezTo>
                <a:cubicBezTo>
                  <a:pt x="3854174" y="34071"/>
                  <a:pt x="3846533" y="26405"/>
                  <a:pt x="3846533" y="17093"/>
                </a:cubicBezTo>
                <a:moveTo>
                  <a:pt x="3938108" y="17093"/>
                </a:moveTo>
                <a:cubicBezTo>
                  <a:pt x="3938108" y="7654"/>
                  <a:pt x="3945774" y="0"/>
                  <a:pt x="3955200" y="0"/>
                </a:cubicBezTo>
                <a:cubicBezTo>
                  <a:pt x="3964525" y="0"/>
                  <a:pt x="3972166" y="7654"/>
                  <a:pt x="3972166" y="17093"/>
                </a:cubicBezTo>
                <a:cubicBezTo>
                  <a:pt x="3972166" y="26405"/>
                  <a:pt x="3964525" y="34071"/>
                  <a:pt x="3955200" y="34071"/>
                </a:cubicBezTo>
                <a:cubicBezTo>
                  <a:pt x="3945774" y="34071"/>
                  <a:pt x="3938108" y="26405"/>
                  <a:pt x="3938108" y="17093"/>
                </a:cubicBezTo>
                <a:moveTo>
                  <a:pt x="4029708" y="17093"/>
                </a:moveTo>
                <a:cubicBezTo>
                  <a:pt x="4029708" y="7654"/>
                  <a:pt x="4037361" y="0"/>
                  <a:pt x="4046673" y="0"/>
                </a:cubicBezTo>
                <a:cubicBezTo>
                  <a:pt x="4056099" y="0"/>
                  <a:pt x="4063766" y="7654"/>
                  <a:pt x="4063766" y="17093"/>
                </a:cubicBezTo>
                <a:cubicBezTo>
                  <a:pt x="4063766" y="26405"/>
                  <a:pt x="4056099" y="34071"/>
                  <a:pt x="4046673" y="34071"/>
                </a:cubicBezTo>
                <a:cubicBezTo>
                  <a:pt x="4037361" y="34071"/>
                  <a:pt x="4029708" y="26405"/>
                  <a:pt x="4029708" y="17093"/>
                </a:cubicBezTo>
                <a:moveTo>
                  <a:pt x="4121295" y="17093"/>
                </a:moveTo>
                <a:cubicBezTo>
                  <a:pt x="4121295" y="7654"/>
                  <a:pt x="4128935" y="0"/>
                  <a:pt x="4138260" y="0"/>
                </a:cubicBezTo>
                <a:cubicBezTo>
                  <a:pt x="4147699" y="0"/>
                  <a:pt x="4155353" y="7654"/>
                  <a:pt x="4155353" y="17093"/>
                </a:cubicBezTo>
                <a:cubicBezTo>
                  <a:pt x="4155353" y="26405"/>
                  <a:pt x="4147699" y="34071"/>
                  <a:pt x="4138260" y="34071"/>
                </a:cubicBezTo>
                <a:cubicBezTo>
                  <a:pt x="4128935" y="34071"/>
                  <a:pt x="4121295" y="26405"/>
                  <a:pt x="4121295" y="17093"/>
                </a:cubicBezTo>
                <a:moveTo>
                  <a:pt x="4212882" y="17093"/>
                </a:moveTo>
                <a:cubicBezTo>
                  <a:pt x="4212882" y="7654"/>
                  <a:pt x="4220535" y="0"/>
                  <a:pt x="4229847" y="0"/>
                </a:cubicBezTo>
                <a:cubicBezTo>
                  <a:pt x="4239287" y="0"/>
                  <a:pt x="4246927" y="7654"/>
                  <a:pt x="4246927" y="17093"/>
                </a:cubicBezTo>
                <a:cubicBezTo>
                  <a:pt x="4246927" y="26405"/>
                  <a:pt x="4239287" y="34071"/>
                  <a:pt x="4229847" y="34071"/>
                </a:cubicBezTo>
                <a:cubicBezTo>
                  <a:pt x="4220535" y="34071"/>
                  <a:pt x="4212882" y="26405"/>
                  <a:pt x="4212882" y="17093"/>
                </a:cubicBezTo>
                <a:moveTo>
                  <a:pt x="4304469" y="17093"/>
                </a:moveTo>
                <a:cubicBezTo>
                  <a:pt x="4304469" y="7654"/>
                  <a:pt x="4312122" y="0"/>
                  <a:pt x="4321422" y="0"/>
                </a:cubicBezTo>
                <a:cubicBezTo>
                  <a:pt x="4330874" y="0"/>
                  <a:pt x="4338527" y="7654"/>
                  <a:pt x="4338527" y="17093"/>
                </a:cubicBezTo>
                <a:cubicBezTo>
                  <a:pt x="4338527" y="26405"/>
                  <a:pt x="4330874" y="34071"/>
                  <a:pt x="4321422" y="34071"/>
                </a:cubicBezTo>
                <a:cubicBezTo>
                  <a:pt x="4312122" y="34071"/>
                  <a:pt x="4304469" y="26405"/>
                  <a:pt x="4304469" y="17093"/>
                </a:cubicBezTo>
                <a:moveTo>
                  <a:pt x="4396056" y="17093"/>
                </a:moveTo>
                <a:cubicBezTo>
                  <a:pt x="4396056" y="7654"/>
                  <a:pt x="4403697" y="0"/>
                  <a:pt x="4413021" y="0"/>
                </a:cubicBezTo>
                <a:cubicBezTo>
                  <a:pt x="4422461" y="0"/>
                  <a:pt x="4430114" y="7654"/>
                  <a:pt x="4430114" y="17093"/>
                </a:cubicBezTo>
                <a:cubicBezTo>
                  <a:pt x="4430114" y="26405"/>
                  <a:pt x="4422461" y="34071"/>
                  <a:pt x="4413021" y="34071"/>
                </a:cubicBezTo>
                <a:cubicBezTo>
                  <a:pt x="4403697" y="34071"/>
                  <a:pt x="4396056" y="26405"/>
                  <a:pt x="4396056" y="17093"/>
                </a:cubicBezTo>
                <a:moveTo>
                  <a:pt x="4487643" y="17093"/>
                </a:moveTo>
                <a:cubicBezTo>
                  <a:pt x="4487643" y="7654"/>
                  <a:pt x="4495297" y="0"/>
                  <a:pt x="4504609" y="0"/>
                </a:cubicBezTo>
                <a:cubicBezTo>
                  <a:pt x="4514048" y="0"/>
                  <a:pt x="4521689" y="7654"/>
                  <a:pt x="4521689" y="17093"/>
                </a:cubicBezTo>
                <a:cubicBezTo>
                  <a:pt x="4521689" y="26405"/>
                  <a:pt x="4514048" y="34071"/>
                  <a:pt x="4504609" y="34071"/>
                </a:cubicBezTo>
                <a:cubicBezTo>
                  <a:pt x="4495297" y="34071"/>
                  <a:pt x="4487643" y="26405"/>
                  <a:pt x="4487643" y="17093"/>
                </a:cubicBezTo>
                <a:moveTo>
                  <a:pt x="4579230" y="17093"/>
                </a:moveTo>
                <a:cubicBezTo>
                  <a:pt x="4579230" y="7654"/>
                  <a:pt x="4586884" y="0"/>
                  <a:pt x="4596183" y="0"/>
                </a:cubicBezTo>
                <a:cubicBezTo>
                  <a:pt x="4605635" y="0"/>
                  <a:pt x="4613289" y="7654"/>
                  <a:pt x="4613289" y="17093"/>
                </a:cubicBezTo>
                <a:cubicBezTo>
                  <a:pt x="4613289" y="26405"/>
                  <a:pt x="4605635" y="34071"/>
                  <a:pt x="4596183" y="34071"/>
                </a:cubicBezTo>
                <a:cubicBezTo>
                  <a:pt x="4586884" y="34071"/>
                  <a:pt x="4579230" y="26405"/>
                  <a:pt x="4579230" y="17093"/>
                </a:cubicBezTo>
                <a:moveTo>
                  <a:pt x="4670818" y="17093"/>
                </a:moveTo>
                <a:cubicBezTo>
                  <a:pt x="4670818" y="7654"/>
                  <a:pt x="4678471" y="0"/>
                  <a:pt x="4687783" y="0"/>
                </a:cubicBezTo>
                <a:cubicBezTo>
                  <a:pt x="4697222" y="0"/>
                  <a:pt x="4704876" y="7654"/>
                  <a:pt x="4704876" y="17093"/>
                </a:cubicBezTo>
                <a:cubicBezTo>
                  <a:pt x="4704876" y="26405"/>
                  <a:pt x="4697222" y="34071"/>
                  <a:pt x="4687783" y="34071"/>
                </a:cubicBezTo>
                <a:cubicBezTo>
                  <a:pt x="4678471" y="34071"/>
                  <a:pt x="4670818" y="26405"/>
                  <a:pt x="4670818" y="17093"/>
                </a:cubicBezTo>
                <a:moveTo>
                  <a:pt x="4762405" y="17093"/>
                </a:moveTo>
                <a:cubicBezTo>
                  <a:pt x="4762405" y="7654"/>
                  <a:pt x="4770059" y="0"/>
                  <a:pt x="4779370" y="0"/>
                </a:cubicBezTo>
                <a:cubicBezTo>
                  <a:pt x="4788810" y="0"/>
                  <a:pt x="4796463" y="7654"/>
                  <a:pt x="4796463" y="17093"/>
                </a:cubicBezTo>
                <a:cubicBezTo>
                  <a:pt x="4796463" y="26405"/>
                  <a:pt x="4788810" y="34071"/>
                  <a:pt x="4779370" y="34071"/>
                </a:cubicBezTo>
                <a:cubicBezTo>
                  <a:pt x="4770059" y="34071"/>
                  <a:pt x="4762405" y="26405"/>
                  <a:pt x="4762405" y="17093"/>
                </a:cubicBezTo>
                <a:moveTo>
                  <a:pt x="4853979" y="17093"/>
                </a:moveTo>
                <a:cubicBezTo>
                  <a:pt x="4853979" y="7654"/>
                  <a:pt x="4861518" y="0"/>
                  <a:pt x="4870945" y="0"/>
                </a:cubicBezTo>
                <a:cubicBezTo>
                  <a:pt x="4880397" y="0"/>
                  <a:pt x="4888050" y="7654"/>
                  <a:pt x="4888050" y="17093"/>
                </a:cubicBezTo>
                <a:cubicBezTo>
                  <a:pt x="4888050" y="26405"/>
                  <a:pt x="4880397" y="34071"/>
                  <a:pt x="4870945" y="34071"/>
                </a:cubicBezTo>
                <a:cubicBezTo>
                  <a:pt x="4861518" y="34071"/>
                  <a:pt x="4853979" y="26405"/>
                  <a:pt x="4853979" y="17093"/>
                </a:cubicBezTo>
                <a:moveTo>
                  <a:pt x="4945579" y="17093"/>
                </a:moveTo>
                <a:cubicBezTo>
                  <a:pt x="4945579" y="7654"/>
                  <a:pt x="4953233" y="0"/>
                  <a:pt x="4962545" y="0"/>
                </a:cubicBezTo>
                <a:cubicBezTo>
                  <a:pt x="4971971" y="0"/>
                  <a:pt x="4979637" y="7654"/>
                  <a:pt x="4979637" y="17093"/>
                </a:cubicBezTo>
                <a:cubicBezTo>
                  <a:pt x="4979637" y="26405"/>
                  <a:pt x="4971971" y="34071"/>
                  <a:pt x="4962545" y="34071"/>
                </a:cubicBezTo>
                <a:cubicBezTo>
                  <a:pt x="4953233" y="34071"/>
                  <a:pt x="4945579" y="26405"/>
                  <a:pt x="4945579" y="17093"/>
                </a:cubicBezTo>
                <a:moveTo>
                  <a:pt x="5037167" y="17093"/>
                </a:moveTo>
                <a:cubicBezTo>
                  <a:pt x="5037167" y="7654"/>
                  <a:pt x="5044820" y="0"/>
                  <a:pt x="5054132" y="0"/>
                </a:cubicBezTo>
                <a:cubicBezTo>
                  <a:pt x="5063571" y="0"/>
                  <a:pt x="5071225" y="7654"/>
                  <a:pt x="5071225" y="17093"/>
                </a:cubicBezTo>
                <a:cubicBezTo>
                  <a:pt x="5071225" y="26405"/>
                  <a:pt x="5063571" y="34071"/>
                  <a:pt x="5054132" y="34071"/>
                </a:cubicBezTo>
                <a:cubicBezTo>
                  <a:pt x="5044820" y="34071"/>
                  <a:pt x="5037167" y="26405"/>
                  <a:pt x="5037167" y="17093"/>
                </a:cubicBezTo>
                <a:moveTo>
                  <a:pt x="5128741" y="17093"/>
                </a:moveTo>
                <a:cubicBezTo>
                  <a:pt x="5128741" y="7654"/>
                  <a:pt x="5136407" y="0"/>
                  <a:pt x="5145706" y="0"/>
                </a:cubicBezTo>
                <a:cubicBezTo>
                  <a:pt x="5155158" y="0"/>
                  <a:pt x="5162812" y="7654"/>
                  <a:pt x="5162812" y="17093"/>
                </a:cubicBezTo>
                <a:cubicBezTo>
                  <a:pt x="5162812" y="26405"/>
                  <a:pt x="5155158" y="34071"/>
                  <a:pt x="5145706" y="34071"/>
                </a:cubicBezTo>
                <a:cubicBezTo>
                  <a:pt x="5136407" y="34071"/>
                  <a:pt x="5128741" y="26405"/>
                  <a:pt x="5128741" y="17093"/>
                </a:cubicBezTo>
                <a:moveTo>
                  <a:pt x="5220341" y="17093"/>
                </a:moveTo>
                <a:cubicBezTo>
                  <a:pt x="5220341" y="7654"/>
                  <a:pt x="5227867" y="0"/>
                  <a:pt x="5237306" y="0"/>
                </a:cubicBezTo>
                <a:cubicBezTo>
                  <a:pt x="5246733" y="0"/>
                  <a:pt x="5254399" y="7654"/>
                  <a:pt x="5254399" y="17093"/>
                </a:cubicBezTo>
                <a:cubicBezTo>
                  <a:pt x="5254399" y="26405"/>
                  <a:pt x="5246733" y="34071"/>
                  <a:pt x="5237306" y="34071"/>
                </a:cubicBezTo>
                <a:cubicBezTo>
                  <a:pt x="5227867" y="34071"/>
                  <a:pt x="5220341" y="26405"/>
                  <a:pt x="5220341" y="17093"/>
                </a:cubicBezTo>
                <a:moveTo>
                  <a:pt x="5311928" y="17093"/>
                </a:moveTo>
                <a:cubicBezTo>
                  <a:pt x="5311928" y="7654"/>
                  <a:pt x="5319569" y="0"/>
                  <a:pt x="5328893" y="0"/>
                </a:cubicBezTo>
                <a:cubicBezTo>
                  <a:pt x="5338333" y="0"/>
                  <a:pt x="5345986" y="7654"/>
                  <a:pt x="5345986" y="17093"/>
                </a:cubicBezTo>
                <a:cubicBezTo>
                  <a:pt x="5345986" y="26405"/>
                  <a:pt x="5338333" y="34071"/>
                  <a:pt x="5328893" y="34071"/>
                </a:cubicBezTo>
                <a:cubicBezTo>
                  <a:pt x="5319569" y="34071"/>
                  <a:pt x="5311928" y="26405"/>
                  <a:pt x="5311928" y="17093"/>
                </a:cubicBezTo>
                <a:moveTo>
                  <a:pt x="5403515" y="17093"/>
                </a:moveTo>
                <a:cubicBezTo>
                  <a:pt x="5403515" y="7654"/>
                  <a:pt x="5411168" y="0"/>
                  <a:pt x="5420480" y="0"/>
                </a:cubicBezTo>
                <a:cubicBezTo>
                  <a:pt x="5429920" y="0"/>
                  <a:pt x="5437445" y="7654"/>
                  <a:pt x="5437445" y="17093"/>
                </a:cubicBezTo>
                <a:cubicBezTo>
                  <a:pt x="5437445" y="26405"/>
                  <a:pt x="5429920" y="34071"/>
                  <a:pt x="5420480" y="34071"/>
                </a:cubicBezTo>
                <a:cubicBezTo>
                  <a:pt x="5411168" y="34071"/>
                  <a:pt x="5403515" y="26405"/>
                  <a:pt x="5403515" y="17093"/>
                </a:cubicBezTo>
                <a:moveTo>
                  <a:pt x="5495115" y="17093"/>
                </a:moveTo>
                <a:cubicBezTo>
                  <a:pt x="5495115" y="7654"/>
                  <a:pt x="5502756" y="0"/>
                  <a:pt x="5512080" y="0"/>
                </a:cubicBezTo>
                <a:cubicBezTo>
                  <a:pt x="5521507" y="0"/>
                  <a:pt x="5529045" y="7654"/>
                  <a:pt x="5529045" y="17093"/>
                </a:cubicBezTo>
                <a:cubicBezTo>
                  <a:pt x="5529045" y="26405"/>
                  <a:pt x="5521507" y="34071"/>
                  <a:pt x="5512080" y="34071"/>
                </a:cubicBezTo>
                <a:cubicBezTo>
                  <a:pt x="5502756" y="34071"/>
                  <a:pt x="5495115" y="26405"/>
                  <a:pt x="5495115" y="17093"/>
                </a:cubicBezTo>
                <a:moveTo>
                  <a:pt x="5586689" y="17093"/>
                </a:moveTo>
                <a:cubicBezTo>
                  <a:pt x="5586689" y="7654"/>
                  <a:pt x="5594343" y="0"/>
                  <a:pt x="5603654" y="0"/>
                </a:cubicBezTo>
                <a:cubicBezTo>
                  <a:pt x="5613107" y="0"/>
                  <a:pt x="5620748" y="7654"/>
                  <a:pt x="5620748" y="17093"/>
                </a:cubicBezTo>
                <a:cubicBezTo>
                  <a:pt x="5620748" y="26405"/>
                  <a:pt x="5613107" y="34071"/>
                  <a:pt x="5603654" y="34071"/>
                </a:cubicBezTo>
                <a:cubicBezTo>
                  <a:pt x="5594343" y="34071"/>
                  <a:pt x="5586689" y="26405"/>
                  <a:pt x="5586689" y="17093"/>
                </a:cubicBezTo>
                <a:moveTo>
                  <a:pt x="5678276" y="17093"/>
                </a:moveTo>
                <a:cubicBezTo>
                  <a:pt x="5678276" y="7654"/>
                  <a:pt x="5685815" y="0"/>
                  <a:pt x="5695242" y="0"/>
                </a:cubicBezTo>
                <a:cubicBezTo>
                  <a:pt x="5704681" y="0"/>
                  <a:pt x="5712335" y="7654"/>
                  <a:pt x="5712335" y="17093"/>
                </a:cubicBezTo>
                <a:cubicBezTo>
                  <a:pt x="5712335" y="26405"/>
                  <a:pt x="5704681" y="34071"/>
                  <a:pt x="5695242" y="34071"/>
                </a:cubicBezTo>
                <a:cubicBezTo>
                  <a:pt x="5685815" y="34071"/>
                  <a:pt x="5678276" y="26405"/>
                  <a:pt x="5678276" y="17093"/>
                </a:cubicBezTo>
                <a:moveTo>
                  <a:pt x="5769876" y="17093"/>
                </a:moveTo>
                <a:cubicBezTo>
                  <a:pt x="5769876" y="7654"/>
                  <a:pt x="5777390" y="0"/>
                  <a:pt x="5786842" y="0"/>
                </a:cubicBezTo>
                <a:cubicBezTo>
                  <a:pt x="5796268" y="0"/>
                  <a:pt x="5803807" y="7654"/>
                  <a:pt x="5803807" y="17093"/>
                </a:cubicBezTo>
                <a:cubicBezTo>
                  <a:pt x="5803807" y="26405"/>
                  <a:pt x="5796268" y="34071"/>
                  <a:pt x="5786842" y="34071"/>
                </a:cubicBezTo>
                <a:cubicBezTo>
                  <a:pt x="5777390" y="34071"/>
                  <a:pt x="5769876" y="26405"/>
                  <a:pt x="5769876" y="17093"/>
                </a:cubicBezTo>
                <a:moveTo>
                  <a:pt x="5861451" y="17093"/>
                </a:moveTo>
                <a:cubicBezTo>
                  <a:pt x="5861451" y="7654"/>
                  <a:pt x="5868977" y="0"/>
                  <a:pt x="5878416" y="0"/>
                </a:cubicBezTo>
                <a:cubicBezTo>
                  <a:pt x="5887868" y="0"/>
                  <a:pt x="5895382" y="7654"/>
                  <a:pt x="5895382" y="17093"/>
                </a:cubicBezTo>
                <a:cubicBezTo>
                  <a:pt x="5895382" y="26405"/>
                  <a:pt x="5887868" y="34071"/>
                  <a:pt x="5878416" y="34071"/>
                </a:cubicBezTo>
                <a:cubicBezTo>
                  <a:pt x="5868977" y="34071"/>
                  <a:pt x="5861451" y="26405"/>
                  <a:pt x="5861451" y="17093"/>
                </a:cubicBezTo>
                <a:moveTo>
                  <a:pt x="5953038" y="17093"/>
                </a:moveTo>
                <a:cubicBezTo>
                  <a:pt x="5953038" y="7654"/>
                  <a:pt x="5960564" y="0"/>
                  <a:pt x="5970003" y="0"/>
                </a:cubicBezTo>
                <a:cubicBezTo>
                  <a:pt x="5979443" y="0"/>
                  <a:pt x="5986969" y="7654"/>
                  <a:pt x="5986969" y="17093"/>
                </a:cubicBezTo>
                <a:cubicBezTo>
                  <a:pt x="5986969" y="26405"/>
                  <a:pt x="5979443" y="34071"/>
                  <a:pt x="5970003" y="34071"/>
                </a:cubicBezTo>
                <a:cubicBezTo>
                  <a:pt x="5960564" y="34071"/>
                  <a:pt x="5953038" y="26405"/>
                  <a:pt x="5953038" y="17093"/>
                </a:cubicBezTo>
                <a:moveTo>
                  <a:pt x="6044638" y="17093"/>
                </a:moveTo>
                <a:cubicBezTo>
                  <a:pt x="6044638" y="7654"/>
                  <a:pt x="6052151" y="0"/>
                  <a:pt x="6061603" y="0"/>
                </a:cubicBezTo>
                <a:cubicBezTo>
                  <a:pt x="6071030" y="0"/>
                  <a:pt x="6078556" y="7654"/>
                  <a:pt x="6078556" y="17093"/>
                </a:cubicBezTo>
                <a:cubicBezTo>
                  <a:pt x="6078556" y="26405"/>
                  <a:pt x="6071030" y="34071"/>
                  <a:pt x="6061603" y="34071"/>
                </a:cubicBezTo>
                <a:cubicBezTo>
                  <a:pt x="6052151" y="34071"/>
                  <a:pt x="6044638" y="26405"/>
                  <a:pt x="6044638" y="17093"/>
                </a:cubicBezTo>
                <a:moveTo>
                  <a:pt x="6136212" y="17093"/>
                </a:moveTo>
                <a:cubicBezTo>
                  <a:pt x="6136212" y="7654"/>
                  <a:pt x="6143738" y="0"/>
                  <a:pt x="6153178" y="0"/>
                </a:cubicBezTo>
                <a:cubicBezTo>
                  <a:pt x="6162630" y="0"/>
                  <a:pt x="6170143" y="7654"/>
                  <a:pt x="6170143" y="17093"/>
                </a:cubicBezTo>
                <a:cubicBezTo>
                  <a:pt x="6170143" y="26405"/>
                  <a:pt x="6162630" y="34071"/>
                  <a:pt x="6153178" y="34071"/>
                </a:cubicBezTo>
                <a:cubicBezTo>
                  <a:pt x="6143738" y="34071"/>
                  <a:pt x="6136212" y="26405"/>
                  <a:pt x="6136212" y="17093"/>
                </a:cubicBezTo>
                <a:moveTo>
                  <a:pt x="6227800" y="17093"/>
                </a:moveTo>
                <a:cubicBezTo>
                  <a:pt x="6227800" y="7654"/>
                  <a:pt x="6235325" y="0"/>
                  <a:pt x="6244765" y="0"/>
                </a:cubicBezTo>
                <a:cubicBezTo>
                  <a:pt x="6254204" y="0"/>
                  <a:pt x="6261730" y="7654"/>
                  <a:pt x="6261730" y="17093"/>
                </a:cubicBezTo>
                <a:cubicBezTo>
                  <a:pt x="6261730" y="26405"/>
                  <a:pt x="6254204" y="34071"/>
                  <a:pt x="6244765" y="34071"/>
                </a:cubicBezTo>
                <a:cubicBezTo>
                  <a:pt x="6235325" y="34071"/>
                  <a:pt x="6227800" y="26405"/>
                  <a:pt x="6227800" y="17093"/>
                </a:cubicBezTo>
                <a:moveTo>
                  <a:pt x="6319399" y="17093"/>
                </a:moveTo>
                <a:cubicBezTo>
                  <a:pt x="6319399" y="7654"/>
                  <a:pt x="6326913" y="0"/>
                  <a:pt x="6336365" y="0"/>
                </a:cubicBezTo>
                <a:cubicBezTo>
                  <a:pt x="6345791" y="0"/>
                  <a:pt x="6353317" y="7654"/>
                  <a:pt x="6353317" y="17093"/>
                </a:cubicBezTo>
                <a:cubicBezTo>
                  <a:pt x="6353317" y="26405"/>
                  <a:pt x="6345791" y="34071"/>
                  <a:pt x="6336365" y="34071"/>
                </a:cubicBezTo>
                <a:cubicBezTo>
                  <a:pt x="6326913" y="34071"/>
                  <a:pt x="6319399" y="26405"/>
                  <a:pt x="6319399" y="17093"/>
                </a:cubicBezTo>
                <a:moveTo>
                  <a:pt x="6410974" y="17093"/>
                </a:moveTo>
                <a:cubicBezTo>
                  <a:pt x="6410974" y="7654"/>
                  <a:pt x="6418500" y="0"/>
                  <a:pt x="6427939" y="0"/>
                </a:cubicBezTo>
                <a:cubicBezTo>
                  <a:pt x="6437391" y="0"/>
                  <a:pt x="6444904" y="7654"/>
                  <a:pt x="6444904" y="17093"/>
                </a:cubicBezTo>
                <a:cubicBezTo>
                  <a:pt x="6444904" y="26405"/>
                  <a:pt x="6437391" y="34071"/>
                  <a:pt x="6427939" y="34071"/>
                </a:cubicBezTo>
                <a:cubicBezTo>
                  <a:pt x="6418500" y="34071"/>
                  <a:pt x="6410974" y="26405"/>
                  <a:pt x="6410974" y="17093"/>
                </a:cubicBezTo>
                <a:moveTo>
                  <a:pt x="6502561" y="17093"/>
                </a:moveTo>
                <a:cubicBezTo>
                  <a:pt x="6502561" y="7654"/>
                  <a:pt x="6510087" y="0"/>
                  <a:pt x="6519526" y="0"/>
                </a:cubicBezTo>
                <a:cubicBezTo>
                  <a:pt x="6528966" y="0"/>
                  <a:pt x="6536491" y="7654"/>
                  <a:pt x="6536491" y="17093"/>
                </a:cubicBezTo>
                <a:cubicBezTo>
                  <a:pt x="6536491" y="26405"/>
                  <a:pt x="6528966" y="34071"/>
                  <a:pt x="6519526" y="34071"/>
                </a:cubicBezTo>
                <a:cubicBezTo>
                  <a:pt x="6510087" y="34071"/>
                  <a:pt x="6502561" y="26405"/>
                  <a:pt x="6502561" y="17093"/>
                </a:cubicBezTo>
                <a:moveTo>
                  <a:pt x="6594021" y="17093"/>
                </a:moveTo>
                <a:cubicBezTo>
                  <a:pt x="6594021" y="7654"/>
                  <a:pt x="6601687" y="0"/>
                  <a:pt x="6611114" y="0"/>
                </a:cubicBezTo>
                <a:cubicBezTo>
                  <a:pt x="6620553" y="0"/>
                  <a:pt x="6628078" y="7654"/>
                  <a:pt x="6628078" y="17093"/>
                </a:cubicBezTo>
                <a:cubicBezTo>
                  <a:pt x="6628078" y="26405"/>
                  <a:pt x="6620553" y="34071"/>
                  <a:pt x="6611114" y="34071"/>
                </a:cubicBezTo>
                <a:cubicBezTo>
                  <a:pt x="6601687" y="34071"/>
                  <a:pt x="6594021" y="26405"/>
                  <a:pt x="6594021" y="17093"/>
                </a:cubicBezTo>
                <a:moveTo>
                  <a:pt x="6685620" y="17093"/>
                </a:moveTo>
                <a:cubicBezTo>
                  <a:pt x="6685620" y="7654"/>
                  <a:pt x="6693261" y="0"/>
                  <a:pt x="6702701" y="0"/>
                </a:cubicBezTo>
                <a:cubicBezTo>
                  <a:pt x="6712012" y="0"/>
                  <a:pt x="6719679" y="7654"/>
                  <a:pt x="6719679" y="17093"/>
                </a:cubicBezTo>
                <a:cubicBezTo>
                  <a:pt x="6719679" y="26405"/>
                  <a:pt x="6712012" y="34071"/>
                  <a:pt x="6702701" y="34071"/>
                </a:cubicBezTo>
                <a:cubicBezTo>
                  <a:pt x="6693261" y="34071"/>
                  <a:pt x="6685620" y="26405"/>
                  <a:pt x="6685620" y="17093"/>
                </a:cubicBezTo>
                <a:moveTo>
                  <a:pt x="6777322" y="17093"/>
                </a:moveTo>
                <a:cubicBezTo>
                  <a:pt x="6777322" y="7654"/>
                  <a:pt x="6784849" y="0"/>
                  <a:pt x="6794288" y="0"/>
                </a:cubicBezTo>
                <a:cubicBezTo>
                  <a:pt x="6803612" y="0"/>
                  <a:pt x="6811253" y="7654"/>
                  <a:pt x="6811253" y="17093"/>
                </a:cubicBezTo>
                <a:cubicBezTo>
                  <a:pt x="6811253" y="26405"/>
                  <a:pt x="6803612" y="34071"/>
                  <a:pt x="6794288" y="34071"/>
                </a:cubicBezTo>
                <a:cubicBezTo>
                  <a:pt x="6784849" y="34071"/>
                  <a:pt x="6777322" y="26405"/>
                  <a:pt x="6777322" y="17093"/>
                </a:cubicBezTo>
                <a:moveTo>
                  <a:pt x="6868782" y="17093"/>
                </a:moveTo>
                <a:cubicBezTo>
                  <a:pt x="6868782" y="7654"/>
                  <a:pt x="6876448" y="0"/>
                  <a:pt x="6885875" y="0"/>
                </a:cubicBezTo>
                <a:cubicBezTo>
                  <a:pt x="6895314" y="0"/>
                  <a:pt x="6902840" y="7654"/>
                  <a:pt x="6902840" y="17093"/>
                </a:cubicBezTo>
                <a:cubicBezTo>
                  <a:pt x="6902840" y="26405"/>
                  <a:pt x="6895314" y="34071"/>
                  <a:pt x="6885875" y="34071"/>
                </a:cubicBezTo>
                <a:cubicBezTo>
                  <a:pt x="6876448" y="34071"/>
                  <a:pt x="6868782" y="26405"/>
                  <a:pt x="6868782" y="17093"/>
                </a:cubicBezTo>
                <a:moveTo>
                  <a:pt x="6960382" y="17093"/>
                </a:moveTo>
                <a:cubicBezTo>
                  <a:pt x="6960382" y="7654"/>
                  <a:pt x="6968023" y="0"/>
                  <a:pt x="6977462" y="0"/>
                </a:cubicBezTo>
                <a:cubicBezTo>
                  <a:pt x="6986914" y="0"/>
                  <a:pt x="6994440" y="7654"/>
                  <a:pt x="6994440" y="17093"/>
                </a:cubicBezTo>
                <a:cubicBezTo>
                  <a:pt x="6994440" y="26405"/>
                  <a:pt x="6986914" y="34071"/>
                  <a:pt x="6977462" y="34071"/>
                </a:cubicBezTo>
                <a:cubicBezTo>
                  <a:pt x="6968023" y="34071"/>
                  <a:pt x="6960382" y="26405"/>
                  <a:pt x="6960382" y="17093"/>
                </a:cubicBezTo>
                <a:moveTo>
                  <a:pt x="7051957" y="17093"/>
                </a:moveTo>
                <a:cubicBezTo>
                  <a:pt x="7051957" y="7654"/>
                  <a:pt x="7059610" y="0"/>
                  <a:pt x="7069049" y="0"/>
                </a:cubicBezTo>
                <a:cubicBezTo>
                  <a:pt x="7078374" y="0"/>
                  <a:pt x="7086015" y="7654"/>
                  <a:pt x="7086015" y="17093"/>
                </a:cubicBezTo>
                <a:cubicBezTo>
                  <a:pt x="7086015" y="26405"/>
                  <a:pt x="7078374" y="34071"/>
                  <a:pt x="7069049" y="34071"/>
                </a:cubicBezTo>
                <a:cubicBezTo>
                  <a:pt x="7059610" y="34071"/>
                  <a:pt x="7051957" y="26405"/>
                  <a:pt x="7051957" y="17093"/>
                </a:cubicBezTo>
                <a:moveTo>
                  <a:pt x="7143671" y="17093"/>
                </a:moveTo>
                <a:cubicBezTo>
                  <a:pt x="7143671" y="7654"/>
                  <a:pt x="7151209" y="0"/>
                  <a:pt x="7160636" y="0"/>
                </a:cubicBezTo>
                <a:cubicBezTo>
                  <a:pt x="7169948" y="0"/>
                  <a:pt x="7177602" y="7654"/>
                  <a:pt x="7177602" y="17093"/>
                </a:cubicBezTo>
                <a:cubicBezTo>
                  <a:pt x="7177602" y="26405"/>
                  <a:pt x="7169948" y="34071"/>
                  <a:pt x="7160636" y="34071"/>
                </a:cubicBezTo>
                <a:cubicBezTo>
                  <a:pt x="7151209" y="34071"/>
                  <a:pt x="7143671" y="26405"/>
                  <a:pt x="7143671" y="17093"/>
                </a:cubicBezTo>
                <a:moveTo>
                  <a:pt x="7235143" y="17093"/>
                </a:moveTo>
                <a:cubicBezTo>
                  <a:pt x="7235143" y="7654"/>
                  <a:pt x="7242784" y="0"/>
                  <a:pt x="7252236" y="0"/>
                </a:cubicBezTo>
                <a:cubicBezTo>
                  <a:pt x="7261536" y="0"/>
                  <a:pt x="7269201" y="7654"/>
                  <a:pt x="7269201" y="17093"/>
                </a:cubicBezTo>
                <a:cubicBezTo>
                  <a:pt x="7269201" y="26405"/>
                  <a:pt x="7261536" y="34071"/>
                  <a:pt x="7252236" y="34071"/>
                </a:cubicBezTo>
                <a:cubicBezTo>
                  <a:pt x="7242784" y="34071"/>
                  <a:pt x="7235143" y="26405"/>
                  <a:pt x="7235143" y="17093"/>
                </a:cubicBezTo>
                <a:moveTo>
                  <a:pt x="7326718" y="17093"/>
                </a:moveTo>
                <a:cubicBezTo>
                  <a:pt x="7326718" y="7654"/>
                  <a:pt x="7334371" y="0"/>
                  <a:pt x="7343810" y="0"/>
                </a:cubicBezTo>
                <a:cubicBezTo>
                  <a:pt x="7353135" y="0"/>
                  <a:pt x="7360776" y="7654"/>
                  <a:pt x="7360776" y="17093"/>
                </a:cubicBezTo>
                <a:cubicBezTo>
                  <a:pt x="7360776" y="26405"/>
                  <a:pt x="7353135" y="34071"/>
                  <a:pt x="7343810" y="34071"/>
                </a:cubicBezTo>
                <a:cubicBezTo>
                  <a:pt x="7334371" y="34071"/>
                  <a:pt x="7326718" y="26405"/>
                  <a:pt x="7326718" y="17093"/>
                </a:cubicBezTo>
                <a:moveTo>
                  <a:pt x="7418305" y="17093"/>
                </a:moveTo>
                <a:cubicBezTo>
                  <a:pt x="7418305" y="7654"/>
                  <a:pt x="7425971" y="0"/>
                  <a:pt x="7435398" y="0"/>
                </a:cubicBezTo>
                <a:cubicBezTo>
                  <a:pt x="7444710" y="0"/>
                  <a:pt x="7452363" y="7654"/>
                  <a:pt x="7452363" y="17093"/>
                </a:cubicBezTo>
                <a:cubicBezTo>
                  <a:pt x="7452363" y="26405"/>
                  <a:pt x="7444710" y="34071"/>
                  <a:pt x="7435398" y="34071"/>
                </a:cubicBezTo>
                <a:cubicBezTo>
                  <a:pt x="7425971" y="34071"/>
                  <a:pt x="7418305" y="26405"/>
                  <a:pt x="7418305" y="17093"/>
                </a:cubicBezTo>
                <a:moveTo>
                  <a:pt x="7509905" y="17093"/>
                </a:moveTo>
                <a:cubicBezTo>
                  <a:pt x="7509905" y="7654"/>
                  <a:pt x="7517546" y="0"/>
                  <a:pt x="7526998" y="0"/>
                </a:cubicBezTo>
                <a:cubicBezTo>
                  <a:pt x="7536297" y="0"/>
                  <a:pt x="7543963" y="7654"/>
                  <a:pt x="7543963" y="17093"/>
                </a:cubicBezTo>
                <a:cubicBezTo>
                  <a:pt x="7543963" y="26405"/>
                  <a:pt x="7536297" y="34071"/>
                  <a:pt x="7526998" y="34071"/>
                </a:cubicBezTo>
                <a:cubicBezTo>
                  <a:pt x="7517546" y="34071"/>
                  <a:pt x="7509905" y="26405"/>
                  <a:pt x="7509905" y="17093"/>
                </a:cubicBezTo>
                <a:moveTo>
                  <a:pt x="7601479" y="17093"/>
                </a:moveTo>
                <a:cubicBezTo>
                  <a:pt x="7601479" y="7654"/>
                  <a:pt x="7609133" y="0"/>
                  <a:pt x="7618572" y="0"/>
                </a:cubicBezTo>
                <a:cubicBezTo>
                  <a:pt x="7627897" y="0"/>
                  <a:pt x="7635538" y="7654"/>
                  <a:pt x="7635538" y="17093"/>
                </a:cubicBezTo>
                <a:cubicBezTo>
                  <a:pt x="7635538" y="26405"/>
                  <a:pt x="7627897" y="34071"/>
                  <a:pt x="7618572" y="34071"/>
                </a:cubicBezTo>
                <a:cubicBezTo>
                  <a:pt x="7609133" y="34071"/>
                  <a:pt x="7601479" y="26405"/>
                  <a:pt x="7601479" y="17093"/>
                </a:cubicBezTo>
                <a:moveTo>
                  <a:pt x="7693066" y="17093"/>
                </a:moveTo>
                <a:cubicBezTo>
                  <a:pt x="7693066" y="7654"/>
                  <a:pt x="7700733" y="0"/>
                  <a:pt x="7710159" y="0"/>
                </a:cubicBezTo>
                <a:cubicBezTo>
                  <a:pt x="7719471" y="0"/>
                  <a:pt x="7727125" y="7654"/>
                  <a:pt x="7727125" y="17093"/>
                </a:cubicBezTo>
                <a:cubicBezTo>
                  <a:pt x="7727125" y="26405"/>
                  <a:pt x="7719471" y="34071"/>
                  <a:pt x="7710159" y="34071"/>
                </a:cubicBezTo>
                <a:cubicBezTo>
                  <a:pt x="7700733" y="34071"/>
                  <a:pt x="7693066" y="26405"/>
                  <a:pt x="7693066" y="17093"/>
                </a:cubicBezTo>
                <a:moveTo>
                  <a:pt x="7784654" y="17093"/>
                </a:moveTo>
                <a:cubicBezTo>
                  <a:pt x="7784654" y="7654"/>
                  <a:pt x="7792307" y="0"/>
                  <a:pt x="7801759" y="0"/>
                </a:cubicBezTo>
                <a:cubicBezTo>
                  <a:pt x="7811186" y="0"/>
                  <a:pt x="7818724" y="7654"/>
                  <a:pt x="7818724" y="17093"/>
                </a:cubicBezTo>
                <a:cubicBezTo>
                  <a:pt x="7818724" y="26405"/>
                  <a:pt x="7811186" y="34071"/>
                  <a:pt x="7801759" y="34071"/>
                </a:cubicBezTo>
                <a:cubicBezTo>
                  <a:pt x="7792307" y="34071"/>
                  <a:pt x="7784654" y="26405"/>
                  <a:pt x="7784654" y="17093"/>
                </a:cubicBezTo>
                <a:moveTo>
                  <a:pt x="7876241" y="17093"/>
                </a:moveTo>
                <a:cubicBezTo>
                  <a:pt x="7876241" y="7654"/>
                  <a:pt x="7883894" y="0"/>
                  <a:pt x="7893333" y="0"/>
                </a:cubicBezTo>
                <a:cubicBezTo>
                  <a:pt x="7902646" y="0"/>
                  <a:pt x="7910299" y="7654"/>
                  <a:pt x="7910299" y="17093"/>
                </a:cubicBezTo>
                <a:cubicBezTo>
                  <a:pt x="7910299" y="26405"/>
                  <a:pt x="7902646" y="34071"/>
                  <a:pt x="7893333" y="34071"/>
                </a:cubicBezTo>
                <a:cubicBezTo>
                  <a:pt x="7883894" y="34071"/>
                  <a:pt x="7876241" y="26405"/>
                  <a:pt x="7876241" y="17093"/>
                </a:cubicBezTo>
                <a:moveTo>
                  <a:pt x="7967828" y="17093"/>
                </a:moveTo>
                <a:cubicBezTo>
                  <a:pt x="7967828" y="7654"/>
                  <a:pt x="7975494" y="0"/>
                  <a:pt x="7984920" y="0"/>
                </a:cubicBezTo>
                <a:cubicBezTo>
                  <a:pt x="7994233" y="0"/>
                  <a:pt x="8001886" y="7654"/>
                  <a:pt x="8001886" y="17093"/>
                </a:cubicBezTo>
                <a:cubicBezTo>
                  <a:pt x="8001886" y="26405"/>
                  <a:pt x="7994233" y="34071"/>
                  <a:pt x="7984920" y="34071"/>
                </a:cubicBezTo>
                <a:cubicBezTo>
                  <a:pt x="7975494" y="34071"/>
                  <a:pt x="7967828" y="26405"/>
                  <a:pt x="7967828" y="17093"/>
                </a:cubicBezTo>
                <a:moveTo>
                  <a:pt x="8059415" y="17093"/>
                </a:moveTo>
                <a:cubicBezTo>
                  <a:pt x="8059415" y="7654"/>
                  <a:pt x="8067068" y="0"/>
                  <a:pt x="8076521" y="0"/>
                </a:cubicBezTo>
                <a:cubicBezTo>
                  <a:pt x="8085820" y="0"/>
                  <a:pt x="8093486" y="7654"/>
                  <a:pt x="8093486" y="17093"/>
                </a:cubicBezTo>
                <a:cubicBezTo>
                  <a:pt x="8093486" y="26405"/>
                  <a:pt x="8085820" y="34071"/>
                  <a:pt x="8076521" y="34071"/>
                </a:cubicBezTo>
                <a:cubicBezTo>
                  <a:pt x="8067068" y="34071"/>
                  <a:pt x="8059415" y="26405"/>
                  <a:pt x="8059415" y="17093"/>
                </a:cubicBezTo>
                <a:moveTo>
                  <a:pt x="8151002" y="17093"/>
                </a:moveTo>
                <a:cubicBezTo>
                  <a:pt x="8151002" y="7654"/>
                  <a:pt x="8158655" y="0"/>
                  <a:pt x="8168095" y="0"/>
                </a:cubicBezTo>
                <a:cubicBezTo>
                  <a:pt x="8177407" y="0"/>
                  <a:pt x="8185060" y="7654"/>
                  <a:pt x="8185060" y="17093"/>
                </a:cubicBezTo>
                <a:cubicBezTo>
                  <a:pt x="8185060" y="26405"/>
                  <a:pt x="8177407" y="34071"/>
                  <a:pt x="8168095" y="34071"/>
                </a:cubicBezTo>
                <a:cubicBezTo>
                  <a:pt x="8158655" y="34071"/>
                  <a:pt x="8151002" y="26405"/>
                  <a:pt x="8151002" y="17093"/>
                </a:cubicBezTo>
                <a:moveTo>
                  <a:pt x="8242589" y="17093"/>
                </a:moveTo>
                <a:cubicBezTo>
                  <a:pt x="8242589" y="7654"/>
                  <a:pt x="8250243" y="0"/>
                  <a:pt x="8259682" y="0"/>
                </a:cubicBezTo>
                <a:cubicBezTo>
                  <a:pt x="8268994" y="0"/>
                  <a:pt x="8276647" y="7654"/>
                  <a:pt x="8276647" y="17093"/>
                </a:cubicBezTo>
                <a:cubicBezTo>
                  <a:pt x="8276647" y="26405"/>
                  <a:pt x="8268994" y="34071"/>
                  <a:pt x="8259682" y="34071"/>
                </a:cubicBezTo>
                <a:cubicBezTo>
                  <a:pt x="8250243" y="34071"/>
                  <a:pt x="8242589" y="26405"/>
                  <a:pt x="8242589" y="17093"/>
                </a:cubicBezTo>
                <a:moveTo>
                  <a:pt x="8334176" y="17093"/>
                </a:moveTo>
                <a:cubicBezTo>
                  <a:pt x="8334176" y="7654"/>
                  <a:pt x="8341830" y="0"/>
                  <a:pt x="8351282" y="0"/>
                </a:cubicBezTo>
                <a:cubicBezTo>
                  <a:pt x="8360581" y="0"/>
                  <a:pt x="8368235" y="7654"/>
                  <a:pt x="8368235" y="17093"/>
                </a:cubicBezTo>
                <a:cubicBezTo>
                  <a:pt x="8368235" y="26405"/>
                  <a:pt x="8360581" y="34071"/>
                  <a:pt x="8351282" y="34071"/>
                </a:cubicBezTo>
                <a:cubicBezTo>
                  <a:pt x="8341830" y="34071"/>
                  <a:pt x="8334176" y="26405"/>
                  <a:pt x="8334176" y="17093"/>
                </a:cubicBezTo>
                <a:moveTo>
                  <a:pt x="8425776" y="17093"/>
                </a:moveTo>
                <a:cubicBezTo>
                  <a:pt x="8425776" y="7654"/>
                  <a:pt x="8433417" y="0"/>
                  <a:pt x="8442856" y="0"/>
                </a:cubicBezTo>
                <a:cubicBezTo>
                  <a:pt x="8452168" y="0"/>
                  <a:pt x="8459822" y="7654"/>
                  <a:pt x="8459822" y="17093"/>
                </a:cubicBezTo>
                <a:cubicBezTo>
                  <a:pt x="8459822" y="26405"/>
                  <a:pt x="8452168" y="34071"/>
                  <a:pt x="8442856" y="34071"/>
                </a:cubicBezTo>
                <a:cubicBezTo>
                  <a:pt x="8433417" y="34071"/>
                  <a:pt x="8425776" y="26405"/>
                  <a:pt x="8425776" y="17093"/>
                </a:cubicBezTo>
                <a:moveTo>
                  <a:pt x="8517350" y="17093"/>
                </a:moveTo>
                <a:cubicBezTo>
                  <a:pt x="8517350" y="7654"/>
                  <a:pt x="8525004" y="0"/>
                  <a:pt x="8534443" y="0"/>
                </a:cubicBezTo>
                <a:cubicBezTo>
                  <a:pt x="8543768" y="0"/>
                  <a:pt x="8551409" y="7654"/>
                  <a:pt x="8551409" y="17093"/>
                </a:cubicBezTo>
                <a:cubicBezTo>
                  <a:pt x="8551409" y="26405"/>
                  <a:pt x="8543768" y="34071"/>
                  <a:pt x="8534443" y="34071"/>
                </a:cubicBezTo>
                <a:cubicBezTo>
                  <a:pt x="8525004" y="34071"/>
                  <a:pt x="8517350" y="26405"/>
                  <a:pt x="8517350" y="17093"/>
                </a:cubicBezTo>
                <a:moveTo>
                  <a:pt x="8608938" y="17093"/>
                </a:moveTo>
                <a:cubicBezTo>
                  <a:pt x="8608938" y="7654"/>
                  <a:pt x="8616591" y="0"/>
                  <a:pt x="8625903" y="0"/>
                </a:cubicBezTo>
                <a:cubicBezTo>
                  <a:pt x="8635342" y="0"/>
                  <a:pt x="8642996" y="7654"/>
                  <a:pt x="8642996" y="17093"/>
                </a:cubicBezTo>
                <a:cubicBezTo>
                  <a:pt x="8642996" y="26405"/>
                  <a:pt x="8635342" y="34071"/>
                  <a:pt x="8625903" y="34071"/>
                </a:cubicBezTo>
                <a:cubicBezTo>
                  <a:pt x="8616591" y="34071"/>
                  <a:pt x="8608938" y="26405"/>
                  <a:pt x="8608938" y="17093"/>
                </a:cubicBezTo>
                <a:moveTo>
                  <a:pt x="8700538" y="17093"/>
                </a:moveTo>
                <a:cubicBezTo>
                  <a:pt x="8700538" y="7654"/>
                  <a:pt x="8708178" y="0"/>
                  <a:pt x="8717618" y="0"/>
                </a:cubicBezTo>
                <a:cubicBezTo>
                  <a:pt x="8726930" y="0"/>
                  <a:pt x="8734583" y="7654"/>
                  <a:pt x="8734583" y="17093"/>
                </a:cubicBezTo>
                <a:cubicBezTo>
                  <a:pt x="8734583" y="26405"/>
                  <a:pt x="8726930" y="34071"/>
                  <a:pt x="8717618" y="34071"/>
                </a:cubicBezTo>
                <a:cubicBezTo>
                  <a:pt x="8708178" y="34071"/>
                  <a:pt x="8700538" y="26405"/>
                  <a:pt x="8700538" y="17093"/>
                </a:cubicBezTo>
                <a:moveTo>
                  <a:pt x="8792112" y="17093"/>
                </a:moveTo>
                <a:cubicBezTo>
                  <a:pt x="8792112" y="7654"/>
                  <a:pt x="8799765" y="0"/>
                  <a:pt x="8809205" y="0"/>
                </a:cubicBezTo>
                <a:cubicBezTo>
                  <a:pt x="8818529" y="0"/>
                  <a:pt x="8826170" y="7654"/>
                  <a:pt x="8826170" y="17093"/>
                </a:cubicBezTo>
                <a:cubicBezTo>
                  <a:pt x="8826170" y="26405"/>
                  <a:pt x="8818529" y="34071"/>
                  <a:pt x="8809205" y="34071"/>
                </a:cubicBezTo>
                <a:cubicBezTo>
                  <a:pt x="8799765" y="34071"/>
                  <a:pt x="8792112" y="26405"/>
                  <a:pt x="8792112" y="17093"/>
                </a:cubicBezTo>
                <a:moveTo>
                  <a:pt x="8883699" y="17093"/>
                </a:moveTo>
                <a:cubicBezTo>
                  <a:pt x="8883699" y="7654"/>
                  <a:pt x="8891366" y="0"/>
                  <a:pt x="8900665" y="0"/>
                </a:cubicBezTo>
                <a:cubicBezTo>
                  <a:pt x="8910104" y="0"/>
                  <a:pt x="8917757" y="7654"/>
                  <a:pt x="8917757" y="17093"/>
                </a:cubicBezTo>
                <a:cubicBezTo>
                  <a:pt x="8917757" y="26405"/>
                  <a:pt x="8910104" y="34071"/>
                  <a:pt x="8900665" y="34071"/>
                </a:cubicBezTo>
                <a:cubicBezTo>
                  <a:pt x="8891366" y="34071"/>
                  <a:pt x="8883699" y="26405"/>
                  <a:pt x="8883699" y="17093"/>
                </a:cubicBezTo>
                <a:moveTo>
                  <a:pt x="8975299" y="17093"/>
                </a:moveTo>
                <a:cubicBezTo>
                  <a:pt x="8975299" y="7654"/>
                  <a:pt x="8982940" y="0"/>
                  <a:pt x="8992264" y="0"/>
                </a:cubicBezTo>
                <a:cubicBezTo>
                  <a:pt x="9001691" y="0"/>
                  <a:pt x="9009357" y="7654"/>
                  <a:pt x="9009357" y="17093"/>
                </a:cubicBezTo>
                <a:cubicBezTo>
                  <a:pt x="9009357" y="26405"/>
                  <a:pt x="9001691" y="34071"/>
                  <a:pt x="8992264" y="34071"/>
                </a:cubicBezTo>
                <a:cubicBezTo>
                  <a:pt x="8982940" y="34071"/>
                  <a:pt x="8975299" y="26405"/>
                  <a:pt x="8975299" y="17093"/>
                </a:cubicBezTo>
                <a:moveTo>
                  <a:pt x="9066873" y="17093"/>
                </a:moveTo>
                <a:cubicBezTo>
                  <a:pt x="9066873" y="7654"/>
                  <a:pt x="9074527" y="0"/>
                  <a:pt x="9083839" y="0"/>
                </a:cubicBezTo>
                <a:cubicBezTo>
                  <a:pt x="9093291" y="0"/>
                  <a:pt x="9100931" y="7654"/>
                  <a:pt x="9100931" y="17093"/>
                </a:cubicBezTo>
                <a:cubicBezTo>
                  <a:pt x="9100931" y="26405"/>
                  <a:pt x="9093291" y="34071"/>
                  <a:pt x="9083839" y="34071"/>
                </a:cubicBezTo>
                <a:cubicBezTo>
                  <a:pt x="9074527" y="34071"/>
                  <a:pt x="9066873" y="26405"/>
                  <a:pt x="9066873" y="17093"/>
                </a:cubicBezTo>
                <a:moveTo>
                  <a:pt x="9158460" y="17093"/>
                </a:moveTo>
                <a:cubicBezTo>
                  <a:pt x="9158460" y="7654"/>
                  <a:pt x="9166127" y="0"/>
                  <a:pt x="9175426" y="0"/>
                </a:cubicBezTo>
                <a:cubicBezTo>
                  <a:pt x="9184865" y="0"/>
                  <a:pt x="9192519" y="7654"/>
                  <a:pt x="9192519" y="17093"/>
                </a:cubicBezTo>
                <a:cubicBezTo>
                  <a:pt x="9192519" y="26405"/>
                  <a:pt x="9184865" y="34071"/>
                  <a:pt x="9175426" y="34071"/>
                </a:cubicBezTo>
                <a:cubicBezTo>
                  <a:pt x="9166127" y="34071"/>
                  <a:pt x="9158460" y="26405"/>
                  <a:pt x="9158460" y="17093"/>
                </a:cubicBezTo>
                <a:moveTo>
                  <a:pt x="9250061" y="17093"/>
                </a:moveTo>
                <a:cubicBezTo>
                  <a:pt x="9250061" y="7654"/>
                  <a:pt x="9257701" y="0"/>
                  <a:pt x="9267026" y="0"/>
                </a:cubicBezTo>
                <a:cubicBezTo>
                  <a:pt x="9276452" y="0"/>
                  <a:pt x="9284119" y="7654"/>
                  <a:pt x="9284119" y="17093"/>
                </a:cubicBezTo>
                <a:cubicBezTo>
                  <a:pt x="9284119" y="26405"/>
                  <a:pt x="9276452" y="34071"/>
                  <a:pt x="9267026" y="34071"/>
                </a:cubicBezTo>
                <a:cubicBezTo>
                  <a:pt x="9257701" y="34071"/>
                  <a:pt x="9250061" y="26405"/>
                  <a:pt x="9250061" y="17093"/>
                </a:cubicBezTo>
                <a:moveTo>
                  <a:pt x="9341635" y="17093"/>
                </a:moveTo>
                <a:cubicBezTo>
                  <a:pt x="9341635" y="7654"/>
                  <a:pt x="9349289" y="0"/>
                  <a:pt x="9358600" y="0"/>
                </a:cubicBezTo>
                <a:cubicBezTo>
                  <a:pt x="9368053" y="0"/>
                  <a:pt x="9375693" y="7654"/>
                  <a:pt x="9375693" y="17093"/>
                </a:cubicBezTo>
                <a:cubicBezTo>
                  <a:pt x="9375693" y="26405"/>
                  <a:pt x="9368053" y="34071"/>
                  <a:pt x="9358600" y="34071"/>
                </a:cubicBezTo>
                <a:cubicBezTo>
                  <a:pt x="9349289" y="34071"/>
                  <a:pt x="9341635" y="26405"/>
                  <a:pt x="9341635" y="17093"/>
                </a:cubicBezTo>
                <a:moveTo>
                  <a:pt x="9433222" y="17093"/>
                </a:moveTo>
                <a:cubicBezTo>
                  <a:pt x="9433222" y="7654"/>
                  <a:pt x="9440888" y="0"/>
                  <a:pt x="9450187" y="0"/>
                </a:cubicBezTo>
                <a:cubicBezTo>
                  <a:pt x="9459627" y="0"/>
                  <a:pt x="9467280" y="7654"/>
                  <a:pt x="9467280" y="17093"/>
                </a:cubicBezTo>
                <a:cubicBezTo>
                  <a:pt x="9467280" y="26405"/>
                  <a:pt x="9459627" y="34071"/>
                  <a:pt x="9450187" y="34071"/>
                </a:cubicBezTo>
                <a:cubicBezTo>
                  <a:pt x="9440888" y="34071"/>
                  <a:pt x="9433222" y="26405"/>
                  <a:pt x="9433222" y="17093"/>
                </a:cubicBezTo>
                <a:moveTo>
                  <a:pt x="9524822" y="17093"/>
                </a:moveTo>
                <a:cubicBezTo>
                  <a:pt x="9524822" y="7654"/>
                  <a:pt x="9532463" y="0"/>
                  <a:pt x="9541775" y="0"/>
                </a:cubicBezTo>
                <a:cubicBezTo>
                  <a:pt x="9551214" y="0"/>
                  <a:pt x="9558880" y="7654"/>
                  <a:pt x="9558880" y="17093"/>
                </a:cubicBezTo>
                <a:cubicBezTo>
                  <a:pt x="9558880" y="26405"/>
                  <a:pt x="9551214" y="34071"/>
                  <a:pt x="9541775" y="34071"/>
                </a:cubicBezTo>
                <a:cubicBezTo>
                  <a:pt x="9532463" y="34071"/>
                  <a:pt x="9524822" y="26405"/>
                  <a:pt x="9524822" y="17093"/>
                </a:cubicBezTo>
                <a:moveTo>
                  <a:pt x="9616397" y="17093"/>
                </a:moveTo>
                <a:cubicBezTo>
                  <a:pt x="9616397" y="7654"/>
                  <a:pt x="9624050" y="0"/>
                  <a:pt x="9633362" y="0"/>
                </a:cubicBezTo>
                <a:cubicBezTo>
                  <a:pt x="9642814" y="0"/>
                  <a:pt x="9650454" y="7654"/>
                  <a:pt x="9650454" y="17093"/>
                </a:cubicBezTo>
                <a:cubicBezTo>
                  <a:pt x="9650454" y="26405"/>
                  <a:pt x="9642814" y="34071"/>
                  <a:pt x="9633362" y="34071"/>
                </a:cubicBezTo>
                <a:cubicBezTo>
                  <a:pt x="9624050" y="34071"/>
                  <a:pt x="9616397" y="26405"/>
                  <a:pt x="9616397" y="17093"/>
                </a:cubicBezTo>
                <a:moveTo>
                  <a:pt x="9707984" y="17093"/>
                </a:moveTo>
                <a:cubicBezTo>
                  <a:pt x="9707984" y="7654"/>
                  <a:pt x="9715510" y="0"/>
                  <a:pt x="9724949" y="0"/>
                </a:cubicBezTo>
                <a:cubicBezTo>
                  <a:pt x="9734388" y="0"/>
                  <a:pt x="9742042" y="7654"/>
                  <a:pt x="9742042" y="17093"/>
                </a:cubicBezTo>
                <a:cubicBezTo>
                  <a:pt x="9742042" y="26405"/>
                  <a:pt x="9734388" y="34071"/>
                  <a:pt x="9724949" y="34071"/>
                </a:cubicBezTo>
                <a:cubicBezTo>
                  <a:pt x="9715510" y="34071"/>
                  <a:pt x="9707984" y="26405"/>
                  <a:pt x="9707984" y="17093"/>
                </a:cubicBezTo>
                <a:moveTo>
                  <a:pt x="9799584" y="17093"/>
                </a:moveTo>
                <a:cubicBezTo>
                  <a:pt x="9799584" y="7654"/>
                  <a:pt x="9807109" y="0"/>
                  <a:pt x="9816536" y="0"/>
                </a:cubicBezTo>
                <a:cubicBezTo>
                  <a:pt x="9825975" y="0"/>
                  <a:pt x="9833642" y="7654"/>
                  <a:pt x="9833642" y="17093"/>
                </a:cubicBezTo>
                <a:cubicBezTo>
                  <a:pt x="9833642" y="26405"/>
                  <a:pt x="9825975" y="34071"/>
                  <a:pt x="9816536" y="34071"/>
                </a:cubicBezTo>
                <a:cubicBezTo>
                  <a:pt x="9807109" y="34071"/>
                  <a:pt x="9799584" y="26405"/>
                  <a:pt x="9799584" y="17093"/>
                </a:cubicBezTo>
                <a:moveTo>
                  <a:pt x="9891158" y="17093"/>
                </a:moveTo>
                <a:cubicBezTo>
                  <a:pt x="9891158" y="7654"/>
                  <a:pt x="9898684" y="0"/>
                  <a:pt x="9908123" y="0"/>
                </a:cubicBezTo>
                <a:cubicBezTo>
                  <a:pt x="9917576" y="0"/>
                  <a:pt x="9925101" y="7654"/>
                  <a:pt x="9925101" y="17093"/>
                </a:cubicBezTo>
                <a:cubicBezTo>
                  <a:pt x="9925101" y="26405"/>
                  <a:pt x="9917576" y="34071"/>
                  <a:pt x="9908123" y="34071"/>
                </a:cubicBezTo>
                <a:cubicBezTo>
                  <a:pt x="9898684" y="34071"/>
                  <a:pt x="9891158" y="26405"/>
                  <a:pt x="9891158" y="17093"/>
                </a:cubicBezTo>
                <a:moveTo>
                  <a:pt x="9982745" y="17093"/>
                </a:moveTo>
                <a:cubicBezTo>
                  <a:pt x="9982745" y="7654"/>
                  <a:pt x="9990411" y="0"/>
                  <a:pt x="9999710" y="0"/>
                </a:cubicBezTo>
                <a:cubicBezTo>
                  <a:pt x="10009150" y="0"/>
                  <a:pt x="10016676" y="7654"/>
                  <a:pt x="10016676" y="17093"/>
                </a:cubicBezTo>
                <a:cubicBezTo>
                  <a:pt x="10016676" y="26405"/>
                  <a:pt x="10009150" y="34071"/>
                  <a:pt x="9999710" y="34071"/>
                </a:cubicBezTo>
                <a:cubicBezTo>
                  <a:pt x="9990411" y="34071"/>
                  <a:pt x="9982745" y="26405"/>
                  <a:pt x="9982745" y="17093"/>
                </a:cubicBezTo>
                <a:moveTo>
                  <a:pt x="10074333" y="17093"/>
                </a:moveTo>
                <a:cubicBezTo>
                  <a:pt x="10074333" y="7654"/>
                  <a:pt x="10081871" y="0"/>
                  <a:pt x="10091297" y="0"/>
                </a:cubicBezTo>
                <a:cubicBezTo>
                  <a:pt x="10100737" y="0"/>
                  <a:pt x="10108403" y="7654"/>
                  <a:pt x="10108403" y="17093"/>
                </a:cubicBezTo>
                <a:cubicBezTo>
                  <a:pt x="10108403" y="26405"/>
                  <a:pt x="10100737" y="34071"/>
                  <a:pt x="10091297" y="34071"/>
                </a:cubicBezTo>
                <a:cubicBezTo>
                  <a:pt x="10081871" y="34071"/>
                  <a:pt x="10074333" y="26405"/>
                  <a:pt x="10074333" y="17093"/>
                </a:cubicBezTo>
                <a:moveTo>
                  <a:pt x="10165920" y="17093"/>
                </a:moveTo>
                <a:cubicBezTo>
                  <a:pt x="10165920" y="7654"/>
                  <a:pt x="10173445" y="0"/>
                  <a:pt x="10182898" y="0"/>
                </a:cubicBezTo>
                <a:cubicBezTo>
                  <a:pt x="10192324" y="0"/>
                  <a:pt x="10199978" y="7654"/>
                  <a:pt x="10199978" y="17093"/>
                </a:cubicBezTo>
                <a:cubicBezTo>
                  <a:pt x="10199978" y="26405"/>
                  <a:pt x="10192324" y="34071"/>
                  <a:pt x="10182898" y="34071"/>
                </a:cubicBezTo>
                <a:cubicBezTo>
                  <a:pt x="10173445" y="34071"/>
                  <a:pt x="10165920" y="26405"/>
                  <a:pt x="10165920" y="17093"/>
                </a:cubicBezTo>
                <a:moveTo>
                  <a:pt x="10257507" y="17093"/>
                </a:moveTo>
                <a:cubicBezTo>
                  <a:pt x="10257507" y="7654"/>
                  <a:pt x="10265032" y="0"/>
                  <a:pt x="10274471" y="0"/>
                </a:cubicBezTo>
                <a:cubicBezTo>
                  <a:pt x="10283911" y="0"/>
                  <a:pt x="10291437" y="7654"/>
                  <a:pt x="10291437" y="17093"/>
                </a:cubicBezTo>
                <a:cubicBezTo>
                  <a:pt x="10291437" y="26405"/>
                  <a:pt x="10283911" y="34071"/>
                  <a:pt x="10274471" y="34071"/>
                </a:cubicBezTo>
                <a:cubicBezTo>
                  <a:pt x="10265032" y="34071"/>
                  <a:pt x="10257507" y="26405"/>
                  <a:pt x="10257507" y="17093"/>
                </a:cubicBezTo>
                <a:moveTo>
                  <a:pt x="10349094" y="17093"/>
                </a:moveTo>
                <a:cubicBezTo>
                  <a:pt x="10349094" y="7654"/>
                  <a:pt x="10356747" y="0"/>
                  <a:pt x="10366059" y="0"/>
                </a:cubicBezTo>
                <a:cubicBezTo>
                  <a:pt x="10375499" y="0"/>
                  <a:pt x="10383024" y="7654"/>
                  <a:pt x="10383024" y="17093"/>
                </a:cubicBezTo>
                <a:cubicBezTo>
                  <a:pt x="10383024" y="26405"/>
                  <a:pt x="10375499" y="34071"/>
                  <a:pt x="10366059" y="34071"/>
                </a:cubicBezTo>
                <a:cubicBezTo>
                  <a:pt x="10356747" y="34071"/>
                  <a:pt x="10349094" y="26405"/>
                  <a:pt x="10349094" y="17093"/>
                </a:cubicBezTo>
                <a:moveTo>
                  <a:pt x="10440681" y="17093"/>
                </a:moveTo>
                <a:cubicBezTo>
                  <a:pt x="10440681" y="7654"/>
                  <a:pt x="10448207" y="0"/>
                  <a:pt x="10457659" y="0"/>
                </a:cubicBezTo>
                <a:cubicBezTo>
                  <a:pt x="10467086" y="0"/>
                  <a:pt x="10474624" y="7654"/>
                  <a:pt x="10474624" y="17093"/>
                </a:cubicBezTo>
                <a:cubicBezTo>
                  <a:pt x="10474624" y="26405"/>
                  <a:pt x="10467086" y="34071"/>
                  <a:pt x="10457659" y="34071"/>
                </a:cubicBezTo>
                <a:cubicBezTo>
                  <a:pt x="10448207" y="34071"/>
                  <a:pt x="10440681" y="26405"/>
                  <a:pt x="10440681" y="17093"/>
                </a:cubicBezTo>
                <a:moveTo>
                  <a:pt x="10532268" y="17093"/>
                </a:moveTo>
                <a:cubicBezTo>
                  <a:pt x="10532268" y="7654"/>
                  <a:pt x="10539794" y="0"/>
                  <a:pt x="10549233" y="0"/>
                </a:cubicBezTo>
                <a:cubicBezTo>
                  <a:pt x="10558673" y="0"/>
                  <a:pt x="10566199" y="7654"/>
                  <a:pt x="10566199" y="17093"/>
                </a:cubicBezTo>
                <a:cubicBezTo>
                  <a:pt x="10566199" y="26405"/>
                  <a:pt x="10558673" y="34071"/>
                  <a:pt x="10549233" y="34071"/>
                </a:cubicBezTo>
                <a:cubicBezTo>
                  <a:pt x="10539794" y="34071"/>
                  <a:pt x="10532268" y="26405"/>
                  <a:pt x="10532268" y="17093"/>
                </a:cubicBezTo>
                <a:moveTo>
                  <a:pt x="10623855" y="17093"/>
                </a:moveTo>
                <a:cubicBezTo>
                  <a:pt x="10623855" y="7654"/>
                  <a:pt x="10631394" y="0"/>
                  <a:pt x="10640821" y="0"/>
                </a:cubicBezTo>
                <a:cubicBezTo>
                  <a:pt x="10650260" y="0"/>
                  <a:pt x="10657786" y="7654"/>
                  <a:pt x="10657786" y="17093"/>
                </a:cubicBezTo>
                <a:cubicBezTo>
                  <a:pt x="10657786" y="26405"/>
                  <a:pt x="10650260" y="34071"/>
                  <a:pt x="10640821" y="34071"/>
                </a:cubicBezTo>
                <a:cubicBezTo>
                  <a:pt x="10631394" y="34071"/>
                  <a:pt x="10623855" y="26405"/>
                  <a:pt x="10623855" y="17093"/>
                </a:cubicBezTo>
                <a:moveTo>
                  <a:pt x="10715455" y="17093"/>
                </a:moveTo>
                <a:cubicBezTo>
                  <a:pt x="10715455" y="7654"/>
                  <a:pt x="10722968" y="0"/>
                  <a:pt x="10732420" y="0"/>
                </a:cubicBezTo>
                <a:cubicBezTo>
                  <a:pt x="10741847" y="0"/>
                  <a:pt x="10749386" y="7654"/>
                  <a:pt x="10749386" y="17093"/>
                </a:cubicBezTo>
                <a:cubicBezTo>
                  <a:pt x="10749386" y="26405"/>
                  <a:pt x="10741847" y="34071"/>
                  <a:pt x="10732420" y="34071"/>
                </a:cubicBezTo>
                <a:cubicBezTo>
                  <a:pt x="10722968" y="34071"/>
                  <a:pt x="10715455" y="26405"/>
                  <a:pt x="10715455" y="17093"/>
                </a:cubicBezTo>
              </a:path>
            </a:pathLst>
          </a:custGeom>
          <a:solidFill>
            <a:srgbClr val="333091"/>
          </a:solidFill>
          <a:ln w="12745" cap="flat">
            <a:noFill/>
            <a:prstDash val="solid"/>
            <a:miter/>
          </a:ln>
        </p:spPr>
        <p:txBody>
          <a:bodyPr rtlCol="0" anchor="ctr"/>
          <a:lstStyle/>
          <a:p>
            <a:endParaRPr lang="da-DK"/>
          </a:p>
        </p:txBody>
      </p:sp>
    </p:spTree>
    <p:extLst>
      <p:ext uri="{BB962C8B-B14F-4D97-AF65-F5344CB8AC3E}">
        <p14:creationId xmlns:p14="http://schemas.microsoft.com/office/powerpoint/2010/main" val="346029432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5EECEDA9-E312-4BD7-8AA7-D340326CD94B}"/>
              </a:ext>
            </a:extLst>
          </p:cNvPr>
          <p:cNvSpPr>
            <a:spLocks noGrp="1"/>
          </p:cNvSpPr>
          <p:nvPr>
            <p:ph type="title"/>
          </p:nvPr>
        </p:nvSpPr>
        <p:spPr>
          <a:xfrm>
            <a:off x="720000" y="644400"/>
            <a:ext cx="10751275" cy="1325563"/>
          </a:xfrm>
          <a:prstGeom prst="rect">
            <a:avLst/>
          </a:prstGeom>
          <a:noFill/>
        </p:spPr>
        <p:txBody>
          <a:bodyPr vert="horz" lIns="0" tIns="0" rIns="0" bIns="0" rtlCol="0" anchor="t" anchorCtr="0">
            <a:noAutofit/>
          </a:bodyPr>
          <a:lstStyle/>
          <a:p>
            <a:r>
              <a:rPr lang="da-DK" dirty="0"/>
              <a:t>Klik for at redigere titeltypografien i masteren</a:t>
            </a:r>
          </a:p>
        </p:txBody>
      </p:sp>
      <p:sp>
        <p:nvSpPr>
          <p:cNvPr id="3" name="Pladsholder til tekst 2">
            <a:extLst>
              <a:ext uri="{FF2B5EF4-FFF2-40B4-BE49-F238E27FC236}">
                <a16:creationId xmlns:a16="http://schemas.microsoft.com/office/drawing/2014/main" id="{0D14E163-FCD9-45DB-A560-D15DC2DAB54E}"/>
              </a:ext>
            </a:extLst>
          </p:cNvPr>
          <p:cNvSpPr>
            <a:spLocks noGrp="1"/>
          </p:cNvSpPr>
          <p:nvPr>
            <p:ph type="body" idx="1"/>
          </p:nvPr>
        </p:nvSpPr>
        <p:spPr>
          <a:xfrm>
            <a:off x="720000" y="2062800"/>
            <a:ext cx="10751275" cy="3779200"/>
          </a:xfrm>
          <a:prstGeom prst="rect">
            <a:avLst/>
          </a:prstGeom>
        </p:spPr>
        <p:txBody>
          <a:bodyPr vert="horz" lIns="0" tIns="0" rIns="0" bIns="0" rtlCol="0">
            <a:noAutofit/>
          </a:bodyPr>
          <a:lstStyle/>
          <a:p>
            <a:pPr lvl="0"/>
            <a:r>
              <a:rPr lang="da-DK" dirty="0"/>
              <a:t>Klik for at redigere teksttypografierne i masteren</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Sjette niveau</a:t>
            </a:r>
          </a:p>
          <a:p>
            <a:pPr lvl="6"/>
            <a:r>
              <a:rPr lang="da-DK" dirty="0"/>
              <a:t>Syvende niveau</a:t>
            </a:r>
          </a:p>
          <a:p>
            <a:pPr lvl="7"/>
            <a:r>
              <a:rPr lang="da-DK" dirty="0"/>
              <a:t>Ottende niveau</a:t>
            </a:r>
          </a:p>
          <a:p>
            <a:pPr lvl="8"/>
            <a:r>
              <a:rPr lang="da-DK" dirty="0"/>
              <a:t>Niende niveau</a:t>
            </a:r>
          </a:p>
        </p:txBody>
      </p:sp>
      <p:sp>
        <p:nvSpPr>
          <p:cNvPr id="5" name="Pladsholder til sidefod 4">
            <a:extLst>
              <a:ext uri="{FF2B5EF4-FFF2-40B4-BE49-F238E27FC236}">
                <a16:creationId xmlns:a16="http://schemas.microsoft.com/office/drawing/2014/main" id="{D49B0CED-6F2A-4C01-A75D-A9872D16CC3F}"/>
              </a:ext>
            </a:extLst>
          </p:cNvPr>
          <p:cNvSpPr>
            <a:spLocks noGrp="1"/>
          </p:cNvSpPr>
          <p:nvPr>
            <p:ph type="ftr" sz="quarter" idx="3"/>
          </p:nvPr>
        </p:nvSpPr>
        <p:spPr>
          <a:xfrm>
            <a:off x="1242000" y="6356350"/>
            <a:ext cx="5040000" cy="180000"/>
          </a:xfrm>
          <a:prstGeom prst="rect">
            <a:avLst/>
          </a:prstGeom>
        </p:spPr>
        <p:txBody>
          <a:bodyPr vert="horz" wrap="none" lIns="0" tIns="0" rIns="0" bIns="0" rtlCol="0" anchor="ctr" anchorCtr="0"/>
          <a:lstStyle>
            <a:lvl1pPr algn="l">
              <a:defRPr sz="950">
                <a:solidFill>
                  <a:srgbClr val="0085A1"/>
                </a:solidFill>
              </a:defRPr>
            </a:lvl1pPr>
          </a:lstStyle>
          <a:p>
            <a:r>
              <a:rPr lang="da-DK" dirty="0"/>
              <a:t>Steno Diabetes Center Sjælland</a:t>
            </a:r>
          </a:p>
        </p:txBody>
      </p:sp>
      <p:sp>
        <p:nvSpPr>
          <p:cNvPr id="6" name="Pladsholder til slidenummer 5">
            <a:extLst>
              <a:ext uri="{FF2B5EF4-FFF2-40B4-BE49-F238E27FC236}">
                <a16:creationId xmlns:a16="http://schemas.microsoft.com/office/drawing/2014/main" id="{54C938E8-3E31-435E-99CA-7E117E26245A}"/>
              </a:ext>
            </a:extLst>
          </p:cNvPr>
          <p:cNvSpPr>
            <a:spLocks noGrp="1"/>
          </p:cNvSpPr>
          <p:nvPr>
            <p:ph type="sldNum" sz="quarter" idx="4"/>
          </p:nvPr>
        </p:nvSpPr>
        <p:spPr>
          <a:xfrm>
            <a:off x="10460797" y="6356351"/>
            <a:ext cx="1010478" cy="183598"/>
          </a:xfrm>
          <a:prstGeom prst="rect">
            <a:avLst/>
          </a:prstGeom>
        </p:spPr>
        <p:txBody>
          <a:bodyPr vert="horz" wrap="none" lIns="0" tIns="0" rIns="0" bIns="0" rtlCol="0" anchor="t" anchorCtr="0"/>
          <a:lstStyle>
            <a:lvl1pPr algn="r">
              <a:defRPr sz="950">
                <a:solidFill>
                  <a:srgbClr val="0085A1"/>
                </a:solidFill>
              </a:defRPr>
            </a:lvl1pPr>
          </a:lstStyle>
          <a:p>
            <a:r>
              <a:rPr lang="da-DK" dirty="0"/>
              <a:t>Side </a:t>
            </a:r>
            <a:fld id="{E796865E-AA3E-4D37-96EF-D3548B036053}" type="slidenum">
              <a:rPr lang="da-DK" smtClean="0"/>
              <a:pPr/>
              <a:t>‹nr.›</a:t>
            </a:fld>
            <a:endParaRPr lang="da-DK" dirty="0"/>
          </a:p>
        </p:txBody>
      </p:sp>
    </p:spTree>
    <p:extLst>
      <p:ext uri="{BB962C8B-B14F-4D97-AF65-F5344CB8AC3E}">
        <p14:creationId xmlns:p14="http://schemas.microsoft.com/office/powerpoint/2010/main" val="1250705440"/>
      </p:ext>
    </p:extLst>
  </p:cSld>
  <p:clrMap bg1="lt1" tx1="dk1" bg2="lt2" tx2="dk2" accent1="accent1" accent2="accent2" accent3="accent3" accent4="accent4" accent5="accent5" accent6="accent6" hlink="hlink" folHlink="folHlink"/>
  <p:sldLayoutIdLst>
    <p:sldLayoutId id="2147483674" r:id="rId1"/>
    <p:sldLayoutId id="2147483687" r:id="rId2"/>
    <p:sldLayoutId id="2147483685" r:id="rId3"/>
    <p:sldLayoutId id="2147483675" r:id="rId4"/>
    <p:sldLayoutId id="2147483686" r:id="rId5"/>
    <p:sldLayoutId id="2147483676" r:id="rId6"/>
    <p:sldLayoutId id="2147483677" r:id="rId7"/>
    <p:sldLayoutId id="2147483678" r:id="rId8"/>
    <p:sldLayoutId id="2147483679" r:id="rId9"/>
    <p:sldLayoutId id="2147483680" r:id="rId10"/>
    <p:sldLayoutId id="2147483681" r:id="rId11"/>
    <p:sldLayoutId id="2147483682" r:id="rId12"/>
    <p:sldLayoutId id="2147483683" r:id="rId13"/>
    <p:sldLayoutId id="2147483684" r:id="rId14"/>
    <p:sldLayoutId id="2147483688" r:id="rId15"/>
  </p:sldLayoutIdLst>
  <p:hf hdr="0" dt="0"/>
  <p:txStyles>
    <p:titleStyle>
      <a:lvl1pPr algn="l" defTabSz="914400" rtl="0" eaLnBrk="1" latinLnBrk="0" hangingPunct="1">
        <a:lnSpc>
          <a:spcPts val="4500"/>
        </a:lnSpc>
        <a:spcBef>
          <a:spcPct val="0"/>
        </a:spcBef>
        <a:buNone/>
        <a:defRPr sz="4000" kern="1200">
          <a:solidFill>
            <a:schemeClr val="tx1"/>
          </a:solidFill>
          <a:latin typeface="Verdana" panose="020B0604030504040204" pitchFamily="34" charset="0"/>
          <a:ea typeface="Verdana" panose="020B0604030504040204" pitchFamily="34" charset="0"/>
          <a:cs typeface="+mj-cs"/>
        </a:defRPr>
      </a:lvl1pPr>
    </p:titleStyle>
    <p:bodyStyle>
      <a:lvl1pPr marL="288000" indent="-288000" algn="l" defTabSz="914400" rtl="0" eaLnBrk="1" latinLnBrk="0" hangingPunct="1">
        <a:lnSpc>
          <a:spcPts val="2400"/>
        </a:lnSpc>
        <a:spcBef>
          <a:spcPts val="10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1pPr>
      <a:lvl2pPr marL="576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2pPr>
      <a:lvl3pPr marL="864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3pPr>
      <a:lvl4pPr marL="1152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4pPr>
      <a:lvl5pPr marL="1440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5pPr>
      <a:lvl6pPr marL="1728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6pPr>
      <a:lvl7pPr marL="2016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7pPr>
      <a:lvl8pPr marL="2304000" indent="-288000" algn="l" defTabSz="914400" rtl="0" eaLnBrk="1" latinLnBrk="0" hangingPunct="1">
        <a:lnSpc>
          <a:spcPts val="2400"/>
        </a:lnSpc>
        <a:spcBef>
          <a:spcPts val="500"/>
        </a:spcBef>
        <a:buClr>
          <a:srgbClr val="0085A1"/>
        </a:buClr>
        <a:buSzPct val="120000"/>
        <a:buFont typeface="Arial" panose="020B0604020202020204" pitchFamily="34" charset="0"/>
        <a:buChar char="•"/>
        <a:defRPr sz="1800" kern="1200">
          <a:solidFill>
            <a:schemeClr val="tx1"/>
          </a:solidFill>
          <a:latin typeface="Verdana" panose="020B0604030504040204" pitchFamily="34" charset="0"/>
          <a:ea typeface="Verdana" panose="020B0604030504040204" pitchFamily="34" charset="0"/>
          <a:cs typeface="+mn-cs"/>
        </a:defRPr>
      </a:lvl8pPr>
      <a:lvl9pPr marL="2592000" marR="0" indent="-288000" algn="l" defTabSz="914400" rtl="0" eaLnBrk="1" fontAlgn="auto" latinLnBrk="0" hangingPunct="1">
        <a:lnSpc>
          <a:spcPts val="2400"/>
        </a:lnSpc>
        <a:spcBef>
          <a:spcPts val="500"/>
        </a:spcBef>
        <a:spcAft>
          <a:spcPts val="0"/>
        </a:spcAft>
        <a:buClr>
          <a:srgbClr val="0085A1"/>
        </a:buClr>
        <a:buSzPct val="120000"/>
        <a:buFont typeface="Arial" panose="020B0604020202020204" pitchFamily="34" charset="0"/>
        <a:buChar char="•"/>
        <a:tabLst/>
        <a:defRPr sz="1800" kern="1200">
          <a:solidFill>
            <a:schemeClr val="tx1"/>
          </a:solidFill>
          <a:latin typeface="Verdana" panose="020B0604030504040204" pitchFamily="34" charset="0"/>
          <a:ea typeface="Verdana" panose="020B0604030504040204" pitchFamily="34" charset="0"/>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1" pos="453" userDrawn="1">
          <p15:clr>
            <a:srgbClr val="A4A3A4"/>
          </p15:clr>
        </p15:guide>
        <p15:guide id="12" pos="3716" userDrawn="1">
          <p15:clr>
            <a:srgbClr val="A4A3A4"/>
          </p15:clr>
        </p15:guide>
        <p15:guide id="13" pos="7226" userDrawn="1">
          <p15:clr>
            <a:srgbClr val="A4A3A4"/>
          </p15:clr>
        </p15:guide>
        <p15:guide id="14" orient="horz" pos="453" userDrawn="1">
          <p15:clr>
            <a:srgbClr val="A4A3A4"/>
          </p15:clr>
        </p15:guide>
        <p15:guide id="15" orient="horz" pos="1298" userDrawn="1">
          <p15:clr>
            <a:srgbClr val="A4A3A4"/>
          </p15:clr>
        </p15:guide>
        <p15:guide id="16" pos="3965" userDrawn="1">
          <p15:clr>
            <a:srgbClr val="A4A3A4"/>
          </p15:clr>
        </p15:guide>
        <p15:guide id="17" pos="3840" userDrawn="1">
          <p15:clr>
            <a:srgbClr val="A4A3A4"/>
          </p15:clr>
        </p15:guide>
        <p15:guide id="18" orient="horz" pos="3865" userDrawn="1">
          <p15:clr>
            <a:srgbClr val="A4A3A4"/>
          </p15:clr>
        </p15:guide>
        <p15:guide id="19" orient="horz" pos="2160" userDrawn="1">
          <p15:clr>
            <a:srgbClr val="A4A3A4"/>
          </p15:clr>
        </p15:guide>
        <p15:guide id="20" orient="horz" pos="3680"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diagramData" Target="../diagrams/data2.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16.png"/><Relationship Id="rId7" Type="http://schemas.openxmlformats.org/officeDocument/2006/relationships/diagramColors" Target="../diagrams/colors3.xml"/><Relationship Id="rId2" Type="http://schemas.openxmlformats.org/officeDocument/2006/relationships/notesSlide" Target="../notesSlides/notesSlide14.xml"/><Relationship Id="rId1" Type="http://schemas.openxmlformats.org/officeDocument/2006/relationships/slideLayout" Target="../slideLayouts/slideLayout15.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5.xml"/><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9.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0.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2.xml"/><Relationship Id="rId1" Type="http://schemas.openxmlformats.org/officeDocument/2006/relationships/slideLayout" Target="../slideLayouts/slideLayout7.xml"/><Relationship Id="rId4" Type="http://schemas.openxmlformats.org/officeDocument/2006/relationships/image" Target="../media/image21.png"/></Relationships>
</file>

<file path=ppt/slides/_rels/slide2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3.xml"/><Relationship Id="rId1" Type="http://schemas.openxmlformats.org/officeDocument/2006/relationships/slideLayout" Target="../slideLayouts/slideLayout7.xml"/><Relationship Id="rId4" Type="http://schemas.openxmlformats.org/officeDocument/2006/relationships/image" Target="../media/image12.png"/></Relationships>
</file>

<file path=ppt/slides/_rels/slide24.xml.rels><?xml version="1.0" encoding="UTF-8" standalone="yes"?>
<Relationships xmlns="http://schemas.openxmlformats.org/package/2006/relationships"><Relationship Id="rId3" Type="http://schemas.openxmlformats.org/officeDocument/2006/relationships/hyperlink" Target="mailto:htm@ph.au.dk" TargetMode="External"/><Relationship Id="rId2" Type="http://schemas.openxmlformats.org/officeDocument/2006/relationships/notesSlide" Target="../notesSlides/notesSlide24.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7.xml"/><Relationship Id="rId1" Type="http://schemas.openxmlformats.org/officeDocument/2006/relationships/tags" Target="../tags/tag1.xml"/><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pPr>
              <a:lnSpc>
                <a:spcPct val="100000"/>
              </a:lnSpc>
            </a:pPr>
            <a:r>
              <a:rPr lang="da-DK" sz="4400" dirty="0"/>
              <a:t>Sundhedskompetence i mødet med sårpatienter </a:t>
            </a:r>
          </a:p>
        </p:txBody>
      </p:sp>
      <p:sp>
        <p:nvSpPr>
          <p:cNvPr id="4" name="Pladsholder til tekst 3"/>
          <p:cNvSpPr>
            <a:spLocks noGrp="1"/>
          </p:cNvSpPr>
          <p:nvPr>
            <p:ph type="body" sz="quarter" idx="13"/>
          </p:nvPr>
        </p:nvSpPr>
        <p:spPr/>
        <p:txBody>
          <a:bodyPr/>
          <a:lstStyle/>
          <a:p>
            <a:endParaRPr lang="da-DK" dirty="0"/>
          </a:p>
          <a:p>
            <a:pPr>
              <a:spcBef>
                <a:spcPts val="0"/>
              </a:spcBef>
            </a:pPr>
            <a:r>
              <a:rPr lang="da-DK" dirty="0"/>
              <a:t>V. Liv Stubbe Østergaard, Steno Diabetes Center Sjælland</a:t>
            </a:r>
          </a:p>
          <a:p>
            <a:pPr>
              <a:spcBef>
                <a:spcPts val="0"/>
              </a:spcBef>
            </a:pPr>
            <a:endParaRPr lang="da-DK" dirty="0"/>
          </a:p>
          <a:p>
            <a:pPr>
              <a:spcBef>
                <a:spcPts val="0"/>
              </a:spcBef>
            </a:pPr>
            <a:r>
              <a:rPr lang="da-DK" dirty="0"/>
              <a:t>Oplæg temadag Sår Syd 22. oktober, 2024</a:t>
            </a:r>
          </a:p>
          <a:p>
            <a:pPr>
              <a:spcBef>
                <a:spcPts val="0"/>
              </a:spcBef>
            </a:pPr>
            <a:endParaRPr lang="da-DK" dirty="0"/>
          </a:p>
        </p:txBody>
      </p:sp>
      <p:sp>
        <p:nvSpPr>
          <p:cNvPr id="5" name="Rektangel 4"/>
          <p:cNvSpPr/>
          <p:nvPr/>
        </p:nvSpPr>
        <p:spPr>
          <a:xfrm>
            <a:off x="5086749" y="3244334"/>
            <a:ext cx="2018501" cy="369332"/>
          </a:xfrm>
          <a:prstGeom prst="rect">
            <a:avLst/>
          </a:prstGeom>
        </p:spPr>
        <p:txBody>
          <a:bodyPr wrap="none">
            <a:spAutoFit/>
          </a:bodyPr>
          <a:lstStyle/>
          <a:p>
            <a:pPr>
              <a:spcAft>
                <a:spcPts val="0"/>
              </a:spcAft>
            </a:pPr>
            <a:r>
              <a:rPr lang="da-DK" dirty="0">
                <a:latin typeface="Times New Roman" panose="02020603050405020304" pitchFamily="18" charset="0"/>
                <a:ea typeface="Calibri" panose="020F0502020204030204" pitchFamily="34" charset="0"/>
              </a:rPr>
              <a:t>Britt Skytte Nielsen</a:t>
            </a:r>
            <a:endParaRPr lang="da-DK" dirty="0">
              <a:effectLst/>
              <a:latin typeface="Times New Roman" panose="02020603050405020304" pitchFamily="18" charset="0"/>
              <a:ea typeface="Calibri" panose="020F0502020204030204" pitchFamily="34" charset="0"/>
            </a:endParaRPr>
          </a:p>
        </p:txBody>
      </p:sp>
    </p:spTree>
    <p:extLst>
      <p:ext uri="{BB962C8B-B14F-4D97-AF65-F5344CB8AC3E}">
        <p14:creationId xmlns:p14="http://schemas.microsoft.com/office/powerpoint/2010/main" val="28090883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ladsholder til indhold 11"/>
          <p:cNvPicPr>
            <a:picLocks noGrp="1" noChangeAspect="1"/>
          </p:cNvPicPr>
          <p:nvPr>
            <p:ph idx="1"/>
          </p:nvPr>
        </p:nvPicPr>
        <p:blipFill>
          <a:blip r:embed="rId3"/>
          <a:stretch>
            <a:fillRect/>
          </a:stretch>
        </p:blipFill>
        <p:spPr>
          <a:xfrm>
            <a:off x="3214307" y="2884756"/>
            <a:ext cx="3331082" cy="3007018"/>
          </a:xfrm>
          <a:prstGeom prst="rect">
            <a:avLst/>
          </a:prstGeom>
        </p:spPr>
      </p:pic>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10</a:t>
            </a:fld>
            <a:endParaRPr lang="da-DK" dirty="0"/>
          </a:p>
        </p:txBody>
      </p:sp>
      <p:sp>
        <p:nvSpPr>
          <p:cNvPr id="6" name="Oval billedforklaring 5"/>
          <p:cNvSpPr/>
          <p:nvPr/>
        </p:nvSpPr>
        <p:spPr>
          <a:xfrm>
            <a:off x="5543928" y="2884756"/>
            <a:ext cx="3508632" cy="1203021"/>
          </a:xfrm>
          <a:prstGeom prst="wedgeEllipseCallout">
            <a:avLst>
              <a:gd name="adj1" fmla="val -41523"/>
              <a:gd name="adj2" fmla="val 5043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400" i="1" dirty="0"/>
              <a:t>Jeg gør så vidt muligt det, de anbefaler</a:t>
            </a:r>
          </a:p>
        </p:txBody>
      </p:sp>
      <p:sp>
        <p:nvSpPr>
          <p:cNvPr id="10" name="Oval billedforklaring 9"/>
          <p:cNvSpPr/>
          <p:nvPr/>
        </p:nvSpPr>
        <p:spPr>
          <a:xfrm>
            <a:off x="1545619" y="1687320"/>
            <a:ext cx="2651760" cy="1591056"/>
          </a:xfrm>
          <a:prstGeom prst="wedgeEllipseCallout">
            <a:avLst>
              <a:gd name="adj1" fmla="val 33650"/>
              <a:gd name="adj2" fmla="val 56753"/>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400" i="1" dirty="0"/>
              <a:t>Nu er det pludselig blevet det vigtigste, at blive kørt til og fra… og der er fine parkeringspladser </a:t>
            </a:r>
          </a:p>
        </p:txBody>
      </p:sp>
      <p:sp>
        <p:nvSpPr>
          <p:cNvPr id="11" name="Oval billedforklaring 10"/>
          <p:cNvSpPr/>
          <p:nvPr/>
        </p:nvSpPr>
        <p:spPr>
          <a:xfrm>
            <a:off x="521208" y="3834307"/>
            <a:ext cx="2835589" cy="1966112"/>
          </a:xfrm>
          <a:prstGeom prst="wedgeEllipseCallout">
            <a:avLst>
              <a:gd name="adj1" fmla="val 53650"/>
              <a:gd name="adj2" fmla="val -30603"/>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400" i="1" dirty="0"/>
              <a:t>Her kan jeg få alt af vide, for her har de specialister</a:t>
            </a:r>
          </a:p>
        </p:txBody>
      </p:sp>
      <p:sp>
        <p:nvSpPr>
          <p:cNvPr id="22" name="Tekstfelt 21"/>
          <p:cNvSpPr txBox="1"/>
          <p:nvPr/>
        </p:nvSpPr>
        <p:spPr>
          <a:xfrm>
            <a:off x="1028530" y="485047"/>
            <a:ext cx="10442746" cy="830997"/>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da-DK" sz="1600" dirty="0"/>
              <a:t>Mand 91 år </a:t>
            </a:r>
          </a:p>
          <a:p>
            <a:pPr marL="285750" indent="-285750">
              <a:buFont typeface="Arial" panose="020B0604020202020204" pitchFamily="34" charset="0"/>
              <a:buChar char="•"/>
            </a:pPr>
            <a:r>
              <a:rPr lang="da-DK" sz="1600" dirty="0"/>
              <a:t>Sår på tæerne</a:t>
            </a:r>
          </a:p>
          <a:p>
            <a:pPr marL="285750" indent="-285750">
              <a:buFont typeface="Arial" panose="020B0604020202020204" pitchFamily="34" charset="0"/>
              <a:buChar char="•"/>
            </a:pPr>
            <a:r>
              <a:rPr lang="da-DK" sz="1600" dirty="0"/>
              <a:t>Bor på plejehjem</a:t>
            </a:r>
          </a:p>
        </p:txBody>
      </p:sp>
    </p:spTree>
    <p:extLst>
      <p:ext uri="{BB962C8B-B14F-4D97-AF65-F5344CB8AC3E}">
        <p14:creationId xmlns:p14="http://schemas.microsoft.com/office/powerpoint/2010/main" val="7184902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11</a:t>
            </a:fld>
            <a:endParaRPr lang="da-DK" dirty="0"/>
          </a:p>
        </p:txBody>
      </p:sp>
      <p:sp>
        <p:nvSpPr>
          <p:cNvPr id="5" name="Titel 4"/>
          <p:cNvSpPr>
            <a:spLocks noGrp="1"/>
          </p:cNvSpPr>
          <p:nvPr>
            <p:ph type="title"/>
          </p:nvPr>
        </p:nvSpPr>
        <p:spPr/>
        <p:txBody>
          <a:bodyPr/>
          <a:lstStyle/>
          <a:p>
            <a:r>
              <a:rPr lang="da-DK" dirty="0"/>
              <a:t>Refleksion over organisatoriske sundhedskompetencer</a:t>
            </a:r>
          </a:p>
        </p:txBody>
      </p:sp>
      <p:sp>
        <p:nvSpPr>
          <p:cNvPr id="6" name="Skyformet billedforklaring 5"/>
          <p:cNvSpPr/>
          <p:nvPr/>
        </p:nvSpPr>
        <p:spPr>
          <a:xfrm>
            <a:off x="1392865" y="1969963"/>
            <a:ext cx="8569842" cy="3631940"/>
          </a:xfrm>
          <a:prstGeom prst="cloudCallout">
            <a:avLst/>
          </a:prstGeom>
          <a:solidFill>
            <a:srgbClr val="4CDF4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dirty="0"/>
              <a:t>1) Hvordan arbejder I med patienternes forskellige individuelle sundhedskompetencer og sårbarheder i pleje og behandling?</a:t>
            </a:r>
          </a:p>
          <a:p>
            <a:endParaRPr lang="da-DK" dirty="0"/>
          </a:p>
          <a:p>
            <a:r>
              <a:rPr lang="da-DK" dirty="0"/>
              <a:t>2) Hvilke udfordringer eller knaster støder I på i arbejdet med forskellige individuelle sundhedskompetencer og sårbarheder?</a:t>
            </a:r>
          </a:p>
          <a:p>
            <a:endParaRPr lang="da-DK" dirty="0"/>
          </a:p>
          <a:p>
            <a:r>
              <a:rPr lang="da-DK" dirty="0"/>
              <a:t>3) Hvad har I af gode erfaringer på området?</a:t>
            </a:r>
          </a:p>
        </p:txBody>
      </p:sp>
    </p:spTree>
    <p:extLst>
      <p:ext uri="{BB962C8B-B14F-4D97-AF65-F5344CB8AC3E}">
        <p14:creationId xmlns:p14="http://schemas.microsoft.com/office/powerpoint/2010/main" val="18735771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Pladsholder til indhold 5"/>
          <p:cNvGraphicFramePr>
            <a:graphicFrameLocks noGrp="1"/>
          </p:cNvGraphicFramePr>
          <p:nvPr>
            <p:ph idx="1"/>
          </p:nvPr>
        </p:nvGraphicFramePr>
        <p:xfrm>
          <a:off x="720725" y="2062163"/>
          <a:ext cx="10750550" cy="377983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12</a:t>
            </a:fld>
            <a:endParaRPr lang="da-DK" dirty="0"/>
          </a:p>
        </p:txBody>
      </p:sp>
      <p:sp>
        <p:nvSpPr>
          <p:cNvPr id="5" name="Titel 4"/>
          <p:cNvSpPr>
            <a:spLocks noGrp="1"/>
          </p:cNvSpPr>
          <p:nvPr>
            <p:ph type="title"/>
          </p:nvPr>
        </p:nvSpPr>
        <p:spPr>
          <a:xfrm>
            <a:off x="186000" y="70100"/>
            <a:ext cx="12192000" cy="1325563"/>
          </a:xfrm>
        </p:spPr>
        <p:txBody>
          <a:bodyPr/>
          <a:lstStyle/>
          <a:p>
            <a:r>
              <a:rPr lang="da-DK" dirty="0"/>
              <a:t>Hvordan arbejder Slagelse Sårcenter med sundhedskompetencer</a:t>
            </a:r>
            <a:r>
              <a:rPr lang="da-DK" sz="3800" dirty="0"/>
              <a:t>?</a:t>
            </a:r>
          </a:p>
        </p:txBody>
      </p:sp>
      <p:graphicFrame>
        <p:nvGraphicFramePr>
          <p:cNvPr id="8" name="Diagram 7"/>
          <p:cNvGraphicFramePr/>
          <p:nvPr/>
        </p:nvGraphicFramePr>
        <p:xfrm>
          <a:off x="1155032" y="1595566"/>
          <a:ext cx="9305765" cy="5262434"/>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249331815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50" b="0" i="0" u="none" strike="noStrike" kern="1200" cap="none" spc="0" normalizeH="0" baseline="0" noProof="0">
                <a:ln>
                  <a:noFill/>
                </a:ln>
                <a:solidFill>
                  <a:srgbClr val="0085A1"/>
                </a:solidFill>
                <a:effectLst/>
                <a:uLnTx/>
                <a:uFillTx/>
                <a:latin typeface="Verdana"/>
                <a:ea typeface="+mn-ea"/>
                <a:cs typeface="+mn-cs"/>
              </a:rPr>
              <a:t>Steno Diabetes Center Sjælland</a:t>
            </a:r>
            <a:endParaRPr kumimoji="0" lang="da-DK" sz="950" b="0" i="0" u="none" strike="noStrike" kern="1200" cap="none" spc="0" normalizeH="0" baseline="0" noProof="0" dirty="0">
              <a:ln>
                <a:noFill/>
              </a:ln>
              <a:solidFill>
                <a:srgbClr val="0085A1"/>
              </a:solidFill>
              <a:effectLst/>
              <a:uLnTx/>
              <a:uFillTx/>
              <a:latin typeface="Verdana"/>
              <a:ea typeface="+mn-ea"/>
              <a:cs typeface="+mn-cs"/>
            </a:endParaRPr>
          </a:p>
        </p:txBody>
      </p:sp>
      <p:sp>
        <p:nvSpPr>
          <p:cNvPr id="4" name="Pladsholder til slidenummer 3"/>
          <p:cNvSpPr>
            <a:spLocks noGrp="1"/>
          </p:cNvSpPr>
          <p:nvPr>
            <p:ph type="sldNum"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950" b="0" i="0" u="none" strike="noStrike" kern="1200" cap="none" spc="0" normalizeH="0" baseline="0" noProof="0">
                <a:ln>
                  <a:noFill/>
                </a:ln>
                <a:solidFill>
                  <a:srgbClr val="0085A1"/>
                </a:solidFill>
                <a:effectLst/>
                <a:uLnTx/>
                <a:uFillTx/>
                <a:latin typeface="Verdana"/>
                <a:ea typeface="+mn-ea"/>
                <a:cs typeface="+mn-cs"/>
              </a:rPr>
              <a:t>Side </a:t>
            </a:r>
            <a:fld id="{E796865E-AA3E-4D37-96EF-D3548B036053}" type="slidenum">
              <a:rPr kumimoji="0" lang="da-DK" sz="950" b="0" i="0" u="none" strike="noStrike" kern="1200" cap="none" spc="0" normalizeH="0" baseline="0" noProof="0" smtClean="0">
                <a:ln>
                  <a:noFill/>
                </a:ln>
                <a:solidFill>
                  <a:srgbClr val="0085A1"/>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da-DK" sz="950" b="0" i="0" u="none" strike="noStrike" kern="1200" cap="none" spc="0" normalizeH="0" baseline="0" noProof="0" dirty="0">
              <a:ln>
                <a:noFill/>
              </a:ln>
              <a:solidFill>
                <a:srgbClr val="0085A1"/>
              </a:solidFill>
              <a:effectLst/>
              <a:uLnTx/>
              <a:uFillTx/>
              <a:latin typeface="Verdana"/>
              <a:ea typeface="+mn-ea"/>
              <a:cs typeface="+mn-cs"/>
            </a:endParaRPr>
          </a:p>
        </p:txBody>
      </p:sp>
      <p:sp>
        <p:nvSpPr>
          <p:cNvPr id="5" name="Titel 4"/>
          <p:cNvSpPr>
            <a:spLocks noGrp="1"/>
          </p:cNvSpPr>
          <p:nvPr>
            <p:ph type="title"/>
          </p:nvPr>
        </p:nvSpPr>
        <p:spPr>
          <a:xfrm>
            <a:off x="720000" y="0"/>
            <a:ext cx="10751275" cy="1325563"/>
          </a:xfrm>
        </p:spPr>
        <p:txBody>
          <a:bodyPr/>
          <a:lstStyle/>
          <a:p>
            <a:r>
              <a:rPr lang="da-DK" sz="2800" b="1" dirty="0"/>
              <a:t>Dialogen</a:t>
            </a:r>
            <a:r>
              <a:rPr lang="da-DK" sz="2800" dirty="0"/>
              <a:t> om sundhedskompetencer</a:t>
            </a:r>
          </a:p>
        </p:txBody>
      </p:sp>
      <p:pic>
        <p:nvPicPr>
          <p:cNvPr id="8" name="Pladsholder til indhold 6"/>
          <p:cNvPicPr>
            <a:picLocks noGrp="1" noChangeAspect="1"/>
          </p:cNvPicPr>
          <p:nvPr>
            <p:ph idx="1"/>
          </p:nvPr>
        </p:nvPicPr>
        <p:blipFill>
          <a:blip r:embed="rId3"/>
          <a:stretch>
            <a:fillRect/>
          </a:stretch>
        </p:blipFill>
        <p:spPr>
          <a:xfrm>
            <a:off x="1553317" y="524676"/>
            <a:ext cx="8158574" cy="5317325"/>
          </a:xfrm>
          <a:prstGeom prst="rect">
            <a:avLst/>
          </a:prstGeom>
        </p:spPr>
      </p:pic>
    </p:spTree>
    <p:extLst>
      <p:ext uri="{BB962C8B-B14F-4D97-AF65-F5344CB8AC3E}">
        <p14:creationId xmlns:p14="http://schemas.microsoft.com/office/powerpoint/2010/main" val="48451709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DD280959-FADB-05B5-1C8B-7A8D29F0E3CE}"/>
              </a:ext>
            </a:extLst>
          </p:cNvPr>
          <p:cNvSpPr>
            <a:spLocks noGrp="1"/>
          </p:cNvSpPr>
          <p:nvPr>
            <p:ph type="title"/>
          </p:nvPr>
        </p:nvSpPr>
        <p:spPr>
          <a:xfrm>
            <a:off x="540000" y="338679"/>
            <a:ext cx="11101138" cy="720000"/>
          </a:xfrm>
        </p:spPr>
        <p:txBody>
          <a:bodyPr/>
          <a:lstStyle/>
          <a:p>
            <a:r>
              <a:rPr lang="da-DK" sz="2800" b="1" dirty="0"/>
              <a:t>Journalisering</a:t>
            </a:r>
            <a:r>
              <a:rPr lang="da-DK" sz="2800" dirty="0"/>
              <a:t> af sundhedskompetencer</a:t>
            </a:r>
            <a:endParaRPr lang="en-US" sz="2800" dirty="0"/>
          </a:p>
        </p:txBody>
      </p:sp>
      <p:sp>
        <p:nvSpPr>
          <p:cNvPr id="16" name="Footer Placeholder 2">
            <a:extLst>
              <a:ext uri="{FF2B5EF4-FFF2-40B4-BE49-F238E27FC236}">
                <a16:creationId xmlns:a16="http://schemas.microsoft.com/office/drawing/2014/main" id="{055F94E6-D89C-35C0-BA12-24423B2F7F7D}"/>
              </a:ext>
            </a:extLst>
          </p:cNvPr>
          <p:cNvSpPr>
            <a:spLocks noGrp="1"/>
          </p:cNvSpPr>
          <p:nvPr>
            <p:ph type="ftr" sz="quarter" idx="10"/>
          </p:nvPr>
        </p:nvSpPr>
        <p:spPr>
          <a:xfrm>
            <a:off x="1073725" y="6356351"/>
            <a:ext cx="5040000" cy="180000"/>
          </a:xfrm>
        </p:spPr>
        <p:txBody>
          <a:bodyPr/>
          <a:lstStyle/>
          <a:p>
            <a:pPr>
              <a:spcAft>
                <a:spcPts val="600"/>
              </a:spcAft>
            </a:pPr>
            <a:r>
              <a:rPr lang="da-DK"/>
              <a:t>Steno Diabetes Center Sjælland</a:t>
            </a:r>
          </a:p>
        </p:txBody>
      </p:sp>
      <p:sp>
        <p:nvSpPr>
          <p:cNvPr id="18" name="Slide Number Placeholder 3">
            <a:extLst>
              <a:ext uri="{FF2B5EF4-FFF2-40B4-BE49-F238E27FC236}">
                <a16:creationId xmlns:a16="http://schemas.microsoft.com/office/drawing/2014/main" id="{155AC83A-B9CC-37F5-26D2-D8086724CF80}"/>
              </a:ext>
            </a:extLst>
          </p:cNvPr>
          <p:cNvSpPr>
            <a:spLocks noGrp="1"/>
          </p:cNvSpPr>
          <p:nvPr>
            <p:ph type="sldNum" sz="quarter" idx="11"/>
          </p:nvPr>
        </p:nvSpPr>
        <p:spPr>
          <a:xfrm>
            <a:off x="10632247" y="6356351"/>
            <a:ext cx="1010478" cy="180000"/>
          </a:xfrm>
        </p:spPr>
        <p:txBody>
          <a:bodyPr/>
          <a:lstStyle/>
          <a:p>
            <a:pPr>
              <a:spcAft>
                <a:spcPts val="600"/>
              </a:spcAft>
            </a:pPr>
            <a:r>
              <a:rPr lang="da-DK"/>
              <a:t>Side </a:t>
            </a:r>
            <a:fld id="{E796865E-AA3E-4D37-96EF-D3548B036053}" type="slidenum">
              <a:rPr lang="da-DK" smtClean="0"/>
              <a:pPr>
                <a:spcAft>
                  <a:spcPts val="600"/>
                </a:spcAft>
              </a:pPr>
              <a:t>14</a:t>
            </a:fld>
            <a:endParaRPr lang="da-DK"/>
          </a:p>
        </p:txBody>
      </p:sp>
      <p:sp>
        <p:nvSpPr>
          <p:cNvPr id="3" name="Pladsholder til sidefod 2">
            <a:extLst>
              <a:ext uri="{FF2B5EF4-FFF2-40B4-BE49-F238E27FC236}">
                <a16:creationId xmlns:a16="http://schemas.microsoft.com/office/drawing/2014/main" id="{3A4C9477-0EF4-0CE1-1659-A3681D06712C}"/>
              </a:ext>
            </a:extLst>
          </p:cNvPr>
          <p:cNvSpPr>
            <a:spLocks/>
          </p:cNvSpPr>
          <p:nvPr/>
        </p:nvSpPr>
        <p:spPr>
          <a:xfrm>
            <a:off x="1570384" y="5859279"/>
            <a:ext cx="4540442" cy="162159"/>
          </a:xfrm>
          <a:prstGeom prst="rect">
            <a:avLst/>
          </a:prstGeom>
        </p:spPr>
        <p:txBody>
          <a:bodyPr/>
          <a:lstStyle/>
          <a:p>
            <a:pPr defTabSz="822960">
              <a:spcAft>
                <a:spcPts val="600"/>
              </a:spcAft>
            </a:pPr>
            <a:endParaRPr lang="da-DK" dirty="0"/>
          </a:p>
        </p:txBody>
      </p:sp>
      <p:sp>
        <p:nvSpPr>
          <p:cNvPr id="4" name="Pladsholder til slidenummer 3">
            <a:extLst>
              <a:ext uri="{FF2B5EF4-FFF2-40B4-BE49-F238E27FC236}">
                <a16:creationId xmlns:a16="http://schemas.microsoft.com/office/drawing/2014/main" id="{304B5A65-707D-1CD6-7AF8-327C3FBB3A47}"/>
              </a:ext>
            </a:extLst>
          </p:cNvPr>
          <p:cNvSpPr>
            <a:spLocks/>
          </p:cNvSpPr>
          <p:nvPr/>
        </p:nvSpPr>
        <p:spPr>
          <a:xfrm>
            <a:off x="10181478" y="5859279"/>
            <a:ext cx="910321" cy="162159"/>
          </a:xfrm>
          <a:prstGeom prst="rect">
            <a:avLst/>
          </a:prstGeom>
        </p:spPr>
        <p:txBody>
          <a:bodyPr/>
          <a:lstStyle/>
          <a:p>
            <a:pPr defTabSz="822960">
              <a:spcAft>
                <a:spcPts val="600"/>
              </a:spcAft>
            </a:pPr>
            <a:r>
              <a:rPr lang="da-DK" sz="1620" kern="1200">
                <a:solidFill>
                  <a:schemeClr val="tx1"/>
                </a:solidFill>
                <a:latin typeface="+mn-lt"/>
                <a:ea typeface="+mn-ea"/>
                <a:cs typeface="+mn-cs"/>
              </a:rPr>
              <a:t>Side </a:t>
            </a:r>
            <a:fld id="{E796865E-AA3E-4D37-96EF-D3548B036053}" type="slidenum">
              <a:rPr lang="da-DK" sz="1620" kern="1200">
                <a:solidFill>
                  <a:schemeClr val="tx1"/>
                </a:solidFill>
                <a:latin typeface="+mn-lt"/>
                <a:ea typeface="+mn-ea"/>
                <a:cs typeface="+mn-cs"/>
              </a:rPr>
              <a:pPr defTabSz="822960">
                <a:spcAft>
                  <a:spcPts val="600"/>
                </a:spcAft>
              </a:pPr>
              <a:t>14</a:t>
            </a:fld>
            <a:endParaRPr lang="da-DK"/>
          </a:p>
        </p:txBody>
      </p:sp>
      <p:pic>
        <p:nvPicPr>
          <p:cNvPr id="8" name="Pladsholder til indhold 7">
            <a:extLst>
              <a:ext uri="{FF2B5EF4-FFF2-40B4-BE49-F238E27FC236}">
                <a16:creationId xmlns:a16="http://schemas.microsoft.com/office/drawing/2014/main" id="{9CD40C0D-6B39-D8ED-222D-6BB947ABA2DE}"/>
              </a:ext>
            </a:extLst>
          </p:cNvPr>
          <p:cNvPicPr>
            <a:picLocks noChangeAspect="1"/>
          </p:cNvPicPr>
          <p:nvPr/>
        </p:nvPicPr>
        <p:blipFill>
          <a:blip r:embed="rId3"/>
          <a:stretch>
            <a:fillRect/>
          </a:stretch>
        </p:blipFill>
        <p:spPr>
          <a:xfrm>
            <a:off x="5410346" y="1875818"/>
            <a:ext cx="6337040" cy="4145620"/>
          </a:xfrm>
          <a:prstGeom prst="rect">
            <a:avLst/>
          </a:prstGeom>
        </p:spPr>
      </p:pic>
      <p:graphicFrame>
        <p:nvGraphicFramePr>
          <p:cNvPr id="9" name="Pladsholder til indhold 5">
            <a:extLst>
              <a:ext uri="{FF2B5EF4-FFF2-40B4-BE49-F238E27FC236}">
                <a16:creationId xmlns:a16="http://schemas.microsoft.com/office/drawing/2014/main" id="{A6902244-9189-53E1-C247-D4F807C52C7C}"/>
              </a:ext>
            </a:extLst>
          </p:cNvPr>
          <p:cNvGraphicFramePr>
            <a:graphicFrameLocks/>
          </p:cNvGraphicFramePr>
          <p:nvPr/>
        </p:nvGraphicFramePr>
        <p:xfrm>
          <a:off x="606249" y="1599475"/>
          <a:ext cx="4811022" cy="421607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536417903"/>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4F1343-110D-B698-3F71-3DA009A84E4B}"/>
              </a:ext>
            </a:extLst>
          </p:cNvPr>
          <p:cNvSpPr>
            <a:spLocks noGrp="1"/>
          </p:cNvSpPr>
          <p:nvPr>
            <p:ph type="title"/>
          </p:nvPr>
        </p:nvSpPr>
        <p:spPr/>
        <p:txBody>
          <a:bodyPr/>
          <a:lstStyle/>
          <a:p>
            <a:r>
              <a:rPr lang="da-DK" sz="2800" b="1" dirty="0"/>
              <a:t>Opfølgning</a:t>
            </a:r>
            <a:r>
              <a:rPr lang="da-DK" sz="2800" dirty="0"/>
              <a:t> på sundhedskompetencer</a:t>
            </a:r>
          </a:p>
        </p:txBody>
      </p:sp>
      <p:sp>
        <p:nvSpPr>
          <p:cNvPr id="3" name="Pladsholder til sidefod 2">
            <a:extLst>
              <a:ext uri="{FF2B5EF4-FFF2-40B4-BE49-F238E27FC236}">
                <a16:creationId xmlns:a16="http://schemas.microsoft.com/office/drawing/2014/main" id="{E857E24F-5C70-29FA-E5B0-AD02ED8D38AE}"/>
              </a:ext>
            </a:extLst>
          </p:cNvPr>
          <p:cNvSpPr>
            <a:spLocks noGrp="1"/>
          </p:cNvSpPr>
          <p:nvPr>
            <p:ph type="ftr" sz="quarter" idx="10"/>
          </p:nvPr>
        </p:nvSpPr>
        <p:spPr/>
        <p:txBody>
          <a:bodyPr/>
          <a:lstStyle/>
          <a:p>
            <a:r>
              <a:rPr lang="da-DK"/>
              <a:t>Steno Diabetes Center Sjælland</a:t>
            </a:r>
            <a:endParaRPr lang="da-DK" dirty="0"/>
          </a:p>
        </p:txBody>
      </p:sp>
      <p:sp>
        <p:nvSpPr>
          <p:cNvPr id="4" name="Pladsholder til slidenummer 3">
            <a:extLst>
              <a:ext uri="{FF2B5EF4-FFF2-40B4-BE49-F238E27FC236}">
                <a16:creationId xmlns:a16="http://schemas.microsoft.com/office/drawing/2014/main" id="{DAAAC2C1-2DD2-DA0C-F7A6-3BB3C34E2AE7}"/>
              </a:ext>
            </a:extLst>
          </p:cNvPr>
          <p:cNvSpPr>
            <a:spLocks noGrp="1"/>
          </p:cNvSpPr>
          <p:nvPr>
            <p:ph type="sldNum" sz="quarter" idx="11"/>
          </p:nvPr>
        </p:nvSpPr>
        <p:spPr/>
        <p:txBody>
          <a:bodyPr/>
          <a:lstStyle/>
          <a:p>
            <a:r>
              <a:rPr lang="da-DK"/>
              <a:t>Side </a:t>
            </a:r>
            <a:fld id="{E796865E-AA3E-4D37-96EF-D3548B036053}" type="slidenum">
              <a:rPr lang="da-DK" smtClean="0"/>
              <a:pPr/>
              <a:t>15</a:t>
            </a:fld>
            <a:endParaRPr lang="da-DK" dirty="0"/>
          </a:p>
        </p:txBody>
      </p:sp>
      <p:pic>
        <p:nvPicPr>
          <p:cNvPr id="7" name="Pladsholder til indhold 6">
            <a:extLst>
              <a:ext uri="{FF2B5EF4-FFF2-40B4-BE49-F238E27FC236}">
                <a16:creationId xmlns:a16="http://schemas.microsoft.com/office/drawing/2014/main" id="{3E6B4995-13CA-C931-E17B-09D45CC163B7}"/>
              </a:ext>
            </a:extLst>
          </p:cNvPr>
          <p:cNvPicPr>
            <a:picLocks noGrp="1" noChangeAspect="1"/>
          </p:cNvPicPr>
          <p:nvPr>
            <p:ph idx="1"/>
          </p:nvPr>
        </p:nvPicPr>
        <p:blipFill>
          <a:blip r:embed="rId3"/>
          <a:stretch>
            <a:fillRect/>
          </a:stretch>
        </p:blipFill>
        <p:spPr>
          <a:xfrm>
            <a:off x="2073354" y="1341438"/>
            <a:ext cx="8034180" cy="4679950"/>
          </a:xfrm>
        </p:spPr>
      </p:pic>
    </p:spTree>
    <p:extLst>
      <p:ext uri="{BB962C8B-B14F-4D97-AF65-F5344CB8AC3E}">
        <p14:creationId xmlns:p14="http://schemas.microsoft.com/office/powerpoint/2010/main" val="1779800551"/>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20001" y="644400"/>
            <a:ext cx="10749384" cy="1325563"/>
          </a:xfrm>
        </p:spPr>
        <p:txBody>
          <a:bodyPr/>
          <a:lstStyle/>
          <a:p>
            <a:r>
              <a:rPr lang="da-DK" dirty="0"/>
              <a:t>Foreløbig læring </a:t>
            </a:r>
          </a:p>
        </p:txBody>
      </p:sp>
      <p:sp>
        <p:nvSpPr>
          <p:cNvPr id="3" name="Pladsholder til indhold 2"/>
          <p:cNvSpPr>
            <a:spLocks noGrp="1"/>
          </p:cNvSpPr>
          <p:nvPr>
            <p:ph sz="half" idx="1"/>
          </p:nvPr>
        </p:nvSpPr>
        <p:spPr>
          <a:xfrm>
            <a:off x="719999" y="1630680"/>
            <a:ext cx="10751275" cy="3970020"/>
          </a:xfrm>
        </p:spPr>
        <p:txBody>
          <a:bodyPr/>
          <a:lstStyle/>
          <a:p>
            <a:pPr marL="285750" indent="-285750">
              <a:spcAft>
                <a:spcPts val="1200"/>
              </a:spcAft>
              <a:buFont typeface="Arial" panose="020B0604020202020204" pitchFamily="34" charset="0"/>
              <a:buChar char="•"/>
            </a:pPr>
            <a:r>
              <a:rPr lang="da-DK" sz="2000" dirty="0"/>
              <a:t>Motiverende tilgang til patientsamarbejde</a:t>
            </a:r>
          </a:p>
          <a:p>
            <a:pPr marL="285750" indent="-285750">
              <a:spcAft>
                <a:spcPts val="1200"/>
              </a:spcAft>
              <a:buFont typeface="Arial" panose="020B0604020202020204" pitchFamily="34" charset="0"/>
              <a:buChar char="•"/>
            </a:pPr>
            <a:r>
              <a:rPr lang="da-DK" sz="2000" dirty="0"/>
              <a:t>Godt med ekstern facilitator gruppe og interne forandringsagenter</a:t>
            </a:r>
          </a:p>
          <a:p>
            <a:pPr marL="285750" indent="-285750">
              <a:spcAft>
                <a:spcPts val="1200"/>
              </a:spcAft>
              <a:buFont typeface="Arial" panose="020B0604020202020204" pitchFamily="34" charset="0"/>
              <a:buChar char="•"/>
            </a:pPr>
            <a:r>
              <a:rPr lang="da-DK" sz="2000" dirty="0"/>
              <a:t>Sammenhæng ml. individuelle og </a:t>
            </a:r>
            <a:r>
              <a:rPr lang="da-DK" sz="2000" dirty="0" err="1"/>
              <a:t>org</a:t>
            </a:r>
            <a:r>
              <a:rPr lang="da-DK" sz="2000" dirty="0"/>
              <a:t>. sundhedskompetencer</a:t>
            </a:r>
          </a:p>
          <a:p>
            <a:pPr marL="285750" indent="-285750">
              <a:spcAft>
                <a:spcPts val="1200"/>
              </a:spcAft>
              <a:buFont typeface="Arial" panose="020B0604020202020204" pitchFamily="34" charset="0"/>
              <a:buChar char="•"/>
            </a:pPr>
            <a:r>
              <a:rPr lang="da-DK" sz="2000" dirty="0"/>
              <a:t>Større bevidsthed på differentieret behandling</a:t>
            </a:r>
          </a:p>
          <a:p>
            <a:pPr marL="285750" indent="-285750">
              <a:spcAft>
                <a:spcPts val="1200"/>
              </a:spcAft>
              <a:buFont typeface="Arial" panose="020B0604020202020204" pitchFamily="34" charset="0"/>
              <a:buChar char="•"/>
            </a:pPr>
            <a:r>
              <a:rPr lang="da-DK" sz="2000" dirty="0"/>
              <a:t>Stille skarpt på hvad vi </a:t>
            </a:r>
            <a:r>
              <a:rPr lang="da-DK" sz="2000" i="1" dirty="0"/>
              <a:t>tror</a:t>
            </a:r>
            <a:r>
              <a:rPr lang="da-DK" sz="2000" dirty="0"/>
              <a:t> vi gør vs. hvad vi </a:t>
            </a:r>
            <a:r>
              <a:rPr lang="da-DK" sz="2000" i="1" dirty="0"/>
              <a:t>faktisk</a:t>
            </a:r>
            <a:r>
              <a:rPr lang="da-DK" sz="2000" dirty="0"/>
              <a:t> gør og hvad patienten fanger</a:t>
            </a:r>
          </a:p>
          <a:p>
            <a:pPr marL="285750" indent="-285750">
              <a:spcAft>
                <a:spcPts val="1200"/>
              </a:spcAft>
              <a:buFont typeface="Arial" panose="020B0604020202020204" pitchFamily="34" charset="0"/>
              <a:buChar char="•"/>
            </a:pPr>
            <a:r>
              <a:rPr lang="da-DK" sz="2000" dirty="0"/>
              <a:t>Fokus på dimensioner i CHAT frem for spørgsmål</a:t>
            </a:r>
          </a:p>
          <a:p>
            <a:endParaRPr lang="da-DK" sz="1600" dirty="0"/>
          </a:p>
          <a:p>
            <a:endParaRPr lang="da-DK" sz="1600" dirty="0"/>
          </a:p>
          <a:p>
            <a:endParaRPr lang="da-DK" dirty="0"/>
          </a:p>
          <a:p>
            <a:endParaRPr lang="da-DK" b="1" dirty="0"/>
          </a:p>
        </p:txBody>
      </p:sp>
      <p:sp>
        <p:nvSpPr>
          <p:cNvPr id="4" name="Pladsholder til sidefod 3"/>
          <p:cNvSpPr>
            <a:spLocks noGrp="1"/>
          </p:cNvSpPr>
          <p:nvPr>
            <p:ph type="ftr" sz="quarter" idx="10"/>
          </p:nvPr>
        </p:nvSpPr>
        <p:spPr/>
        <p:txBody>
          <a:bodyPr/>
          <a:lstStyle/>
          <a:p>
            <a:r>
              <a:rPr lang="da-DK" dirty="0"/>
              <a:t>Steno Diabetes Center Sjælland</a:t>
            </a:r>
          </a:p>
        </p:txBody>
      </p:sp>
      <p:sp>
        <p:nvSpPr>
          <p:cNvPr id="5" name="Pladsholder til slidenummer 4"/>
          <p:cNvSpPr>
            <a:spLocks noGrp="1"/>
          </p:cNvSpPr>
          <p:nvPr>
            <p:ph type="sldNum" sz="quarter" idx="11"/>
          </p:nvPr>
        </p:nvSpPr>
        <p:spPr/>
        <p:txBody>
          <a:bodyPr/>
          <a:lstStyle/>
          <a:p>
            <a:r>
              <a:rPr lang="da-DK"/>
              <a:t>Side </a:t>
            </a:r>
            <a:fld id="{E796865E-AA3E-4D37-96EF-D3548B036053}" type="slidenum">
              <a:rPr lang="da-DK" smtClean="0"/>
              <a:pPr/>
              <a:t>16</a:t>
            </a:fld>
            <a:endParaRPr lang="da-DK" dirty="0"/>
          </a:p>
        </p:txBody>
      </p:sp>
    </p:spTree>
    <p:extLst>
      <p:ext uri="{BB962C8B-B14F-4D97-AF65-F5344CB8AC3E}">
        <p14:creationId xmlns:p14="http://schemas.microsoft.com/office/powerpoint/2010/main" val="358836214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a:extLst>
              <a:ext uri="{FF2B5EF4-FFF2-40B4-BE49-F238E27FC236}">
                <a16:creationId xmlns:a16="http://schemas.microsoft.com/office/drawing/2014/main" id="{04809EB6-D91C-2C10-653B-EE941D765D10}"/>
              </a:ext>
            </a:extLst>
          </p:cNvPr>
          <p:cNvSpPr>
            <a:spLocks noGrp="1"/>
          </p:cNvSpPr>
          <p:nvPr>
            <p:ph type="pic" sz="quarter" idx="12"/>
          </p:nvPr>
        </p:nvSpPr>
        <p:spPr/>
        <p:txBody>
          <a:bodyPr/>
          <a:lstStyle/>
          <a:p>
            <a:endParaRPr lang="da-DK" dirty="0"/>
          </a:p>
        </p:txBody>
      </p:sp>
      <p:sp>
        <p:nvSpPr>
          <p:cNvPr id="3" name="Pladsholder til sidefod 2">
            <a:extLst>
              <a:ext uri="{FF2B5EF4-FFF2-40B4-BE49-F238E27FC236}">
                <a16:creationId xmlns:a16="http://schemas.microsoft.com/office/drawing/2014/main" id="{B8F79141-C39F-66D1-6F01-D916C1C459DA}"/>
              </a:ext>
            </a:extLst>
          </p:cNvPr>
          <p:cNvSpPr>
            <a:spLocks noGrp="1"/>
          </p:cNvSpPr>
          <p:nvPr>
            <p:ph type="ftr" sz="quarter" idx="10"/>
          </p:nvPr>
        </p:nvSpPr>
        <p:spPr/>
        <p:txBody>
          <a:bodyPr/>
          <a:lstStyle/>
          <a:p>
            <a:r>
              <a:rPr lang="da-DK"/>
              <a:t>Steno Diabetes Center Sjælland</a:t>
            </a:r>
            <a:endParaRPr lang="da-DK" dirty="0"/>
          </a:p>
        </p:txBody>
      </p:sp>
      <p:sp>
        <p:nvSpPr>
          <p:cNvPr id="4" name="Titel 3">
            <a:extLst>
              <a:ext uri="{FF2B5EF4-FFF2-40B4-BE49-F238E27FC236}">
                <a16:creationId xmlns:a16="http://schemas.microsoft.com/office/drawing/2014/main" id="{CFC2B5A0-1D37-CB19-7171-CDE71E97BAEA}"/>
              </a:ext>
            </a:extLst>
          </p:cNvPr>
          <p:cNvSpPr>
            <a:spLocks noGrp="1"/>
          </p:cNvSpPr>
          <p:nvPr>
            <p:ph type="title"/>
          </p:nvPr>
        </p:nvSpPr>
        <p:spPr/>
        <p:txBody>
          <a:bodyPr/>
          <a:lstStyle/>
          <a:p>
            <a:r>
              <a:rPr lang="da-DK" dirty="0"/>
              <a:t>Tak for nu</a:t>
            </a:r>
            <a:r>
              <a:rPr lang="da-DK" dirty="0">
                <a:sym typeface="Wingdings" panose="05000000000000000000" pitchFamily="2" charset="2"/>
              </a:rPr>
              <a:t></a:t>
            </a:r>
            <a:endParaRPr lang="da-DK" dirty="0"/>
          </a:p>
        </p:txBody>
      </p:sp>
      <p:sp>
        <p:nvSpPr>
          <p:cNvPr id="5" name="Pladsholder til indhold 4">
            <a:extLst>
              <a:ext uri="{FF2B5EF4-FFF2-40B4-BE49-F238E27FC236}">
                <a16:creationId xmlns:a16="http://schemas.microsoft.com/office/drawing/2014/main" id="{823E612E-A454-779F-CA27-166473B631E3}"/>
              </a:ext>
            </a:extLst>
          </p:cNvPr>
          <p:cNvSpPr>
            <a:spLocks noGrp="1"/>
          </p:cNvSpPr>
          <p:nvPr>
            <p:ph sz="quarter" idx="14"/>
          </p:nvPr>
        </p:nvSpPr>
        <p:spPr/>
        <p:txBody>
          <a:bodyPr/>
          <a:lstStyle/>
          <a:p>
            <a:endParaRPr lang="da-DK"/>
          </a:p>
        </p:txBody>
      </p:sp>
      <p:sp>
        <p:nvSpPr>
          <p:cNvPr id="6" name="Pladsholder til tekst 5">
            <a:extLst>
              <a:ext uri="{FF2B5EF4-FFF2-40B4-BE49-F238E27FC236}">
                <a16:creationId xmlns:a16="http://schemas.microsoft.com/office/drawing/2014/main" id="{CFFEA0B5-2009-FC43-F8DC-5AC323C95312}"/>
              </a:ext>
            </a:extLst>
          </p:cNvPr>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7196600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dirty="0"/>
              <a:t>Backup</a:t>
            </a:r>
          </a:p>
        </p:txBody>
      </p:sp>
      <p:sp>
        <p:nvSpPr>
          <p:cNvPr id="6" name="Pladsholder til slidenummer 5"/>
          <p:cNvSpPr>
            <a:spLocks noGrp="1"/>
          </p:cNvSpPr>
          <p:nvPr>
            <p:ph type="sldNum" sz="quarter" idx="4294967295"/>
          </p:nvPr>
        </p:nvSpPr>
        <p:spPr>
          <a:xfrm>
            <a:off x="11180763" y="6356350"/>
            <a:ext cx="1011237" cy="184150"/>
          </a:xfrm>
        </p:spPr>
        <p:txBody>
          <a:bodyPr/>
          <a:lstStyle/>
          <a:p>
            <a:r>
              <a:rPr lang="en-GB" noProof="0"/>
              <a:t>Page </a:t>
            </a:r>
            <a:fld id="{4F2B6656-7882-4CEF-9850-9EB873E823C4}" type="slidenum">
              <a:rPr lang="en-GB" noProof="0" smtClean="0"/>
              <a:pPr/>
              <a:t>18</a:t>
            </a:fld>
            <a:endParaRPr lang="en-GB" noProof="0" dirty="0"/>
          </a:p>
        </p:txBody>
      </p:sp>
    </p:spTree>
    <p:extLst>
      <p:ext uri="{BB962C8B-B14F-4D97-AF65-F5344CB8AC3E}">
        <p14:creationId xmlns:p14="http://schemas.microsoft.com/office/powerpoint/2010/main" val="29827009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pPr marL="0" indent="0">
              <a:buNone/>
            </a:pPr>
            <a:r>
              <a:rPr lang="da-DK" dirty="0"/>
              <a:t>Sundhedskompetencer er associeret med sociale sundhedsdeterminanter</a:t>
            </a:r>
          </a:p>
          <a:p>
            <a:pPr>
              <a:spcBef>
                <a:spcPts val="0"/>
              </a:spcBef>
            </a:pPr>
            <a:r>
              <a:rPr lang="da-DK" dirty="0"/>
              <a:t>Uddannelsesniveau</a:t>
            </a:r>
          </a:p>
          <a:p>
            <a:pPr>
              <a:spcBef>
                <a:spcPts val="0"/>
              </a:spcBef>
            </a:pPr>
            <a:r>
              <a:rPr lang="da-DK" dirty="0"/>
              <a:t>Indkomst </a:t>
            </a:r>
          </a:p>
          <a:p>
            <a:pPr>
              <a:spcBef>
                <a:spcPts val="0"/>
              </a:spcBef>
            </a:pPr>
            <a:r>
              <a:rPr lang="da-DK" dirty="0"/>
              <a:t>Samlivsstatus</a:t>
            </a:r>
          </a:p>
          <a:p>
            <a:pPr>
              <a:spcBef>
                <a:spcPts val="0"/>
              </a:spcBef>
            </a:pPr>
            <a:r>
              <a:rPr lang="da-DK" dirty="0"/>
              <a:t>Immigrationsstatus</a:t>
            </a:r>
          </a:p>
          <a:p>
            <a:pPr>
              <a:spcBef>
                <a:spcPts val="0"/>
              </a:spcBef>
            </a:pPr>
            <a:r>
              <a:rPr lang="da-DK" dirty="0"/>
              <a:t>Alder</a:t>
            </a:r>
          </a:p>
          <a:p>
            <a:pPr>
              <a:spcBef>
                <a:spcPts val="0"/>
              </a:spcBef>
            </a:pPr>
            <a:endParaRPr lang="da-DK" dirty="0"/>
          </a:p>
          <a:p>
            <a:pPr marL="0" indent="0">
              <a:spcBef>
                <a:spcPts val="0"/>
              </a:spcBef>
              <a:buNone/>
            </a:pPr>
            <a:r>
              <a:rPr lang="da-DK" dirty="0"/>
              <a:t>Pårørende og socialt netværk kan afbøde konsekvenser ved lav individuel sundhedskompetence (=</a:t>
            </a:r>
            <a:r>
              <a:rPr lang="da-DK" dirty="0" err="1"/>
              <a:t>distributed</a:t>
            </a:r>
            <a:r>
              <a:rPr lang="da-DK" dirty="0"/>
              <a:t> </a:t>
            </a:r>
            <a:r>
              <a:rPr lang="da-DK" dirty="0" err="1"/>
              <a:t>health</a:t>
            </a:r>
            <a:r>
              <a:rPr lang="da-DK" dirty="0"/>
              <a:t> </a:t>
            </a:r>
            <a:r>
              <a:rPr lang="da-DK" dirty="0" err="1"/>
              <a:t>literacy</a:t>
            </a:r>
            <a:r>
              <a:rPr lang="da-DK" dirty="0"/>
              <a:t>)</a:t>
            </a:r>
          </a:p>
          <a:p>
            <a:pPr marL="0" indent="0">
              <a:spcBef>
                <a:spcPts val="0"/>
              </a:spcBef>
              <a:buNone/>
            </a:pPr>
            <a:endParaRPr lang="da-DK" dirty="0"/>
          </a:p>
          <a:p>
            <a:pPr marL="0" indent="0">
              <a:spcBef>
                <a:spcPts val="0"/>
              </a:spcBef>
              <a:buNone/>
            </a:pPr>
            <a:r>
              <a:rPr lang="da-DK" dirty="0"/>
              <a:t>Individuel sundhedskompetence er dynamisk og ændrer sig gennem et livsforløb og bl.a. som konsekvens af borgerens tilstand</a:t>
            </a:r>
          </a:p>
          <a:p>
            <a:pPr marL="0" indent="0">
              <a:spcBef>
                <a:spcPts val="0"/>
              </a:spcBef>
              <a:buNone/>
            </a:pPr>
            <a:endParaRPr lang="da-DK" dirty="0"/>
          </a:p>
          <a:p>
            <a:endParaRPr lang="da-DK" dirty="0"/>
          </a:p>
          <a:p>
            <a:endParaRPr lang="da-DK" dirty="0"/>
          </a:p>
          <a:p>
            <a:endParaRPr lang="da-DK" dirty="0"/>
          </a:p>
        </p:txBody>
      </p:sp>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19</a:t>
            </a:fld>
            <a:endParaRPr lang="da-DK" dirty="0"/>
          </a:p>
        </p:txBody>
      </p:sp>
      <p:sp>
        <p:nvSpPr>
          <p:cNvPr id="5" name="Titel 4"/>
          <p:cNvSpPr>
            <a:spLocks noGrp="1"/>
          </p:cNvSpPr>
          <p:nvPr>
            <p:ph type="title"/>
          </p:nvPr>
        </p:nvSpPr>
        <p:spPr/>
        <p:txBody>
          <a:bodyPr/>
          <a:lstStyle/>
          <a:p>
            <a:r>
              <a:rPr lang="da-DK" dirty="0"/>
              <a:t>Hvad bestemmer vores individuelle sundhedskompetencer</a:t>
            </a:r>
          </a:p>
        </p:txBody>
      </p:sp>
      <p:pic>
        <p:nvPicPr>
          <p:cNvPr id="6" name="Billede 5"/>
          <p:cNvPicPr>
            <a:picLocks noChangeAspect="1"/>
          </p:cNvPicPr>
          <p:nvPr/>
        </p:nvPicPr>
        <p:blipFill>
          <a:blip r:embed="rId3"/>
          <a:stretch>
            <a:fillRect/>
          </a:stretch>
        </p:blipFill>
        <p:spPr>
          <a:xfrm>
            <a:off x="9484595" y="2161350"/>
            <a:ext cx="1974407" cy="2125391"/>
          </a:xfrm>
          <a:prstGeom prst="rect">
            <a:avLst/>
          </a:prstGeom>
        </p:spPr>
      </p:pic>
    </p:spTree>
    <p:extLst>
      <p:ext uri="{BB962C8B-B14F-4D97-AF65-F5344CB8AC3E}">
        <p14:creationId xmlns:p14="http://schemas.microsoft.com/office/powerpoint/2010/main" val="31708677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r>
              <a:rPr lang="da-DK" dirty="0"/>
              <a:t>Give en indflyvning til koncepterne sundhedskompetence og organisatorisk sundhedskompetence</a:t>
            </a:r>
          </a:p>
          <a:p>
            <a:r>
              <a:rPr lang="da-DK" dirty="0"/>
              <a:t>Kort præsentere projekt på Slagelse Sårcenter</a:t>
            </a:r>
          </a:p>
          <a:p>
            <a:r>
              <a:rPr lang="da-DK" dirty="0"/>
              <a:t>Reflektere over egen praksis</a:t>
            </a:r>
          </a:p>
          <a:p>
            <a:endParaRPr lang="da-DK" dirty="0"/>
          </a:p>
        </p:txBody>
      </p:sp>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a:t>
            </a:fld>
            <a:endParaRPr lang="da-DK" dirty="0"/>
          </a:p>
        </p:txBody>
      </p:sp>
      <p:sp>
        <p:nvSpPr>
          <p:cNvPr id="5" name="Titel 4"/>
          <p:cNvSpPr>
            <a:spLocks noGrp="1"/>
          </p:cNvSpPr>
          <p:nvPr>
            <p:ph type="title"/>
          </p:nvPr>
        </p:nvSpPr>
        <p:spPr/>
        <p:txBody>
          <a:bodyPr/>
          <a:lstStyle/>
          <a:p>
            <a:r>
              <a:rPr lang="da-DK" dirty="0"/>
              <a:t>Formålet med dette oplæg</a:t>
            </a:r>
          </a:p>
        </p:txBody>
      </p:sp>
      <p:pic>
        <p:nvPicPr>
          <p:cNvPr id="6" name="Billede 5"/>
          <p:cNvPicPr>
            <a:picLocks noChangeAspect="1"/>
          </p:cNvPicPr>
          <p:nvPr/>
        </p:nvPicPr>
        <p:blipFill>
          <a:blip r:embed="rId3"/>
          <a:stretch>
            <a:fillRect/>
          </a:stretch>
        </p:blipFill>
        <p:spPr>
          <a:xfrm>
            <a:off x="1015564" y="4222248"/>
            <a:ext cx="4846701" cy="1876927"/>
          </a:xfrm>
          <a:prstGeom prst="rect">
            <a:avLst/>
          </a:prstGeom>
        </p:spPr>
      </p:pic>
    </p:spTree>
    <p:extLst>
      <p:ext uri="{BB962C8B-B14F-4D97-AF65-F5344CB8AC3E}">
        <p14:creationId xmlns:p14="http://schemas.microsoft.com/office/powerpoint/2010/main" val="420331165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0</a:t>
            </a:fld>
            <a:endParaRPr lang="da-DK" dirty="0"/>
          </a:p>
        </p:txBody>
      </p:sp>
      <p:sp>
        <p:nvSpPr>
          <p:cNvPr id="5" name="Titel 4"/>
          <p:cNvSpPr>
            <a:spLocks noGrp="1"/>
          </p:cNvSpPr>
          <p:nvPr>
            <p:ph type="title"/>
          </p:nvPr>
        </p:nvSpPr>
        <p:spPr>
          <a:xfrm>
            <a:off x="720000" y="644400"/>
            <a:ext cx="11472000" cy="1325563"/>
          </a:xfrm>
        </p:spPr>
        <p:txBody>
          <a:bodyPr/>
          <a:lstStyle/>
          <a:p>
            <a:r>
              <a:rPr lang="da-DK" dirty="0"/>
              <a:t>Ulighed i sundhed og sundhedskompetencer</a:t>
            </a:r>
          </a:p>
        </p:txBody>
      </p:sp>
      <p:sp>
        <p:nvSpPr>
          <p:cNvPr id="7" name="Pladsholder til indhold 6"/>
          <p:cNvSpPr>
            <a:spLocks noGrp="1"/>
          </p:cNvSpPr>
          <p:nvPr>
            <p:ph idx="1"/>
          </p:nvPr>
        </p:nvSpPr>
        <p:spPr/>
        <p:txBody>
          <a:bodyPr/>
          <a:lstStyle/>
          <a:p>
            <a:pPr marL="0" indent="0">
              <a:buNone/>
            </a:pPr>
            <a:endParaRPr lang="da-DK" dirty="0"/>
          </a:p>
          <a:p>
            <a:pPr marL="0" indent="0">
              <a:buNone/>
            </a:pPr>
            <a:endParaRPr lang="da-DK" dirty="0"/>
          </a:p>
        </p:txBody>
      </p:sp>
      <p:pic>
        <p:nvPicPr>
          <p:cNvPr id="8" name="Billede 7"/>
          <p:cNvPicPr>
            <a:picLocks noChangeAspect="1"/>
          </p:cNvPicPr>
          <p:nvPr/>
        </p:nvPicPr>
        <p:blipFill>
          <a:blip r:embed="rId3"/>
          <a:stretch>
            <a:fillRect/>
          </a:stretch>
        </p:blipFill>
        <p:spPr>
          <a:xfrm>
            <a:off x="1058036" y="2286001"/>
            <a:ext cx="9260641" cy="3556000"/>
          </a:xfrm>
          <a:prstGeom prst="rect">
            <a:avLst/>
          </a:prstGeom>
        </p:spPr>
      </p:pic>
    </p:spTree>
    <p:extLst>
      <p:ext uri="{BB962C8B-B14F-4D97-AF65-F5344CB8AC3E}">
        <p14:creationId xmlns:p14="http://schemas.microsoft.com/office/powerpoint/2010/main" val="128553290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r>
              <a:rPr lang="da-DK" sz="1600" dirty="0"/>
              <a:t>At opruste i kampen mod ulighed i sundhed ved at personale og ledelse arbejder mere struktureret med at imødekomme patienter og borgere med forskellige grader af sundhedskompetencer og behov.</a:t>
            </a:r>
          </a:p>
          <a:p>
            <a:r>
              <a:rPr lang="da-DK" sz="1600" dirty="0"/>
              <a:t>At patienterne oplever en øget tryghed og kvalitet i behandlingen for eksempel ved at gøre navigation i sundhedsvæsnet, kommunikation med sundhedsprofessionelle og egenomsorg simplere og bedre tilpasset den enkeltes muligheder og ressourcer.</a:t>
            </a:r>
          </a:p>
          <a:p>
            <a:r>
              <a:rPr lang="da-DK" sz="1600" dirty="0"/>
              <a:t>At skabe nye kompetencer og læring mhp. arbejdsglæde og fastholdelse. </a:t>
            </a:r>
          </a:p>
          <a:p>
            <a:endParaRPr lang="da-DK" sz="1600" dirty="0"/>
          </a:p>
        </p:txBody>
      </p:sp>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1</a:t>
            </a:fld>
            <a:endParaRPr lang="da-DK" dirty="0"/>
          </a:p>
        </p:txBody>
      </p:sp>
      <p:sp>
        <p:nvSpPr>
          <p:cNvPr id="5" name="Titel 4"/>
          <p:cNvSpPr>
            <a:spLocks noGrp="1"/>
          </p:cNvSpPr>
          <p:nvPr>
            <p:ph type="title"/>
          </p:nvPr>
        </p:nvSpPr>
        <p:spPr/>
        <p:txBody>
          <a:bodyPr/>
          <a:lstStyle/>
          <a:p>
            <a:r>
              <a:rPr lang="da-DK" dirty="0"/>
              <a:t>Hvilke mulige gevinster kan vi pege på i at arbejde med </a:t>
            </a:r>
            <a:r>
              <a:rPr lang="da-DK" dirty="0" err="1"/>
              <a:t>sundhedskomptencer</a:t>
            </a:r>
            <a:endParaRPr lang="da-DK" dirty="0"/>
          </a:p>
        </p:txBody>
      </p:sp>
    </p:spTree>
    <p:extLst>
      <p:ext uri="{BB962C8B-B14F-4D97-AF65-F5344CB8AC3E}">
        <p14:creationId xmlns:p14="http://schemas.microsoft.com/office/powerpoint/2010/main" val="38730145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indhold 5"/>
          <p:cNvPicPr>
            <a:picLocks noGrp="1" noChangeAspect="1"/>
          </p:cNvPicPr>
          <p:nvPr>
            <p:ph idx="1"/>
          </p:nvPr>
        </p:nvPicPr>
        <p:blipFill>
          <a:blip r:embed="rId3"/>
          <a:stretch>
            <a:fillRect/>
          </a:stretch>
        </p:blipFill>
        <p:spPr>
          <a:xfrm>
            <a:off x="643720" y="2062163"/>
            <a:ext cx="7576143" cy="3779837"/>
          </a:xfrm>
          <a:prstGeom prst="rect">
            <a:avLst/>
          </a:prstGeom>
        </p:spPr>
      </p:pic>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2</a:t>
            </a:fld>
            <a:endParaRPr lang="da-DK" dirty="0"/>
          </a:p>
        </p:txBody>
      </p:sp>
      <p:sp>
        <p:nvSpPr>
          <p:cNvPr id="5" name="Titel 4"/>
          <p:cNvSpPr>
            <a:spLocks noGrp="1"/>
          </p:cNvSpPr>
          <p:nvPr>
            <p:ph type="title"/>
          </p:nvPr>
        </p:nvSpPr>
        <p:spPr/>
        <p:txBody>
          <a:bodyPr/>
          <a:lstStyle/>
          <a:p>
            <a:r>
              <a:rPr lang="da-DK" dirty="0"/>
              <a:t>Konkrete værktøjer: CHAT </a:t>
            </a:r>
            <a:br>
              <a:rPr lang="da-DK" dirty="0"/>
            </a:br>
            <a:r>
              <a:rPr lang="da-DK" dirty="0"/>
              <a:t>Afdækning af støttebehov hos patienter</a:t>
            </a:r>
          </a:p>
        </p:txBody>
      </p:sp>
      <p:pic>
        <p:nvPicPr>
          <p:cNvPr id="7" name="Pladsholder til indhold 5"/>
          <p:cNvPicPr>
            <a:picLocks noChangeAspect="1"/>
          </p:cNvPicPr>
          <p:nvPr/>
        </p:nvPicPr>
        <p:blipFill>
          <a:blip r:embed="rId4"/>
          <a:stretch>
            <a:fillRect/>
          </a:stretch>
        </p:blipFill>
        <p:spPr>
          <a:xfrm>
            <a:off x="7947692" y="2062163"/>
            <a:ext cx="4244308" cy="3779837"/>
          </a:xfrm>
          <a:prstGeom prst="rect">
            <a:avLst/>
          </a:prstGeom>
        </p:spPr>
      </p:pic>
    </p:spTree>
    <p:extLst>
      <p:ext uri="{BB962C8B-B14F-4D97-AF65-F5344CB8AC3E}">
        <p14:creationId xmlns:p14="http://schemas.microsoft.com/office/powerpoint/2010/main" val="7942425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ladsholder til indhold 7"/>
          <p:cNvPicPr>
            <a:picLocks noGrp="1" noChangeAspect="1"/>
          </p:cNvPicPr>
          <p:nvPr>
            <p:ph idx="1"/>
          </p:nvPr>
        </p:nvPicPr>
        <p:blipFill>
          <a:blip r:embed="rId3"/>
          <a:stretch>
            <a:fillRect/>
          </a:stretch>
        </p:blipFill>
        <p:spPr>
          <a:xfrm>
            <a:off x="439634" y="3078549"/>
            <a:ext cx="6938106" cy="2818606"/>
          </a:xfrm>
          <a:prstGeom prst="rect">
            <a:avLst/>
          </a:prstGeom>
        </p:spPr>
      </p:pic>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3</a:t>
            </a:fld>
            <a:endParaRPr lang="da-DK" dirty="0"/>
          </a:p>
        </p:txBody>
      </p:sp>
      <p:sp>
        <p:nvSpPr>
          <p:cNvPr id="5" name="Titel 4"/>
          <p:cNvSpPr>
            <a:spLocks noGrp="1"/>
          </p:cNvSpPr>
          <p:nvPr>
            <p:ph type="title"/>
          </p:nvPr>
        </p:nvSpPr>
        <p:spPr/>
        <p:txBody>
          <a:bodyPr/>
          <a:lstStyle/>
          <a:p>
            <a:r>
              <a:rPr lang="da-DK" dirty="0"/>
              <a:t>Konkrete værktøjer: OS! </a:t>
            </a:r>
            <a:br>
              <a:rPr lang="da-DK" dirty="0"/>
            </a:br>
            <a:r>
              <a:rPr lang="da-DK" dirty="0"/>
              <a:t>Afdækning og udvikling af organisation</a:t>
            </a:r>
          </a:p>
        </p:txBody>
      </p:sp>
      <p:pic>
        <p:nvPicPr>
          <p:cNvPr id="2" name="Billede 1">
            <a:extLst>
              <a:ext uri="{FF2B5EF4-FFF2-40B4-BE49-F238E27FC236}">
                <a16:creationId xmlns:a16="http://schemas.microsoft.com/office/drawing/2014/main" id="{D3B50AB8-1FA3-61E1-B66C-836A27E7B4A2}"/>
              </a:ext>
            </a:extLst>
          </p:cNvPr>
          <p:cNvPicPr>
            <a:picLocks noChangeAspect="1"/>
          </p:cNvPicPr>
          <p:nvPr/>
        </p:nvPicPr>
        <p:blipFill>
          <a:blip r:embed="rId4"/>
          <a:stretch>
            <a:fillRect/>
          </a:stretch>
        </p:blipFill>
        <p:spPr>
          <a:xfrm>
            <a:off x="7377740" y="2011114"/>
            <a:ext cx="4093535" cy="4088062"/>
          </a:xfrm>
          <a:prstGeom prst="rect">
            <a:avLst/>
          </a:prstGeom>
        </p:spPr>
      </p:pic>
    </p:spTree>
    <p:extLst>
      <p:ext uri="{BB962C8B-B14F-4D97-AF65-F5344CB8AC3E}">
        <p14:creationId xmlns:p14="http://schemas.microsoft.com/office/powerpoint/2010/main" val="170894006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a:xfrm>
            <a:off x="720000" y="1389888"/>
            <a:ext cx="10751275" cy="4452112"/>
          </a:xfrm>
        </p:spPr>
        <p:txBody>
          <a:bodyPr/>
          <a:lstStyle/>
          <a:p>
            <a:pPr>
              <a:lnSpc>
                <a:spcPct val="100000"/>
              </a:lnSpc>
              <a:spcBef>
                <a:spcPts val="0"/>
              </a:spcBef>
            </a:pPr>
            <a:endParaRPr lang="da-DK" sz="1400" dirty="0"/>
          </a:p>
          <a:p>
            <a:pPr>
              <a:lnSpc>
                <a:spcPct val="100000"/>
              </a:lnSpc>
              <a:spcBef>
                <a:spcPts val="0"/>
              </a:spcBef>
            </a:pPr>
            <a:r>
              <a:rPr lang="da-DK" sz="1400" dirty="0"/>
              <a:t>Aaby A, Terkildsen-Maindal H, Vinter-Sørensen K, Sørensen K, Bertram M, GPS God praksis for Folkesundhed. </a:t>
            </a:r>
            <a:r>
              <a:rPr lang="da-DK" sz="1400" b="1" dirty="0"/>
              <a:t>Sundhedskompetence i et strukturelt perspektiv – En vej til lighed i sundhed?</a:t>
            </a:r>
            <a:r>
              <a:rPr lang="da-DK" sz="1400" dirty="0"/>
              <a:t> 2019</a:t>
            </a:r>
          </a:p>
          <a:p>
            <a:pPr>
              <a:lnSpc>
                <a:spcPct val="100000"/>
              </a:lnSpc>
              <a:spcBef>
                <a:spcPts val="0"/>
              </a:spcBef>
            </a:pPr>
            <a:endParaRPr lang="da-DK" sz="1400" dirty="0"/>
          </a:p>
          <a:p>
            <a:pPr>
              <a:lnSpc>
                <a:spcPct val="100000"/>
              </a:lnSpc>
              <a:spcBef>
                <a:spcPts val="0"/>
              </a:spcBef>
            </a:pPr>
            <a:r>
              <a:rPr lang="da-DK" sz="1400" dirty="0" err="1"/>
              <a:t>Batterham</a:t>
            </a:r>
            <a:r>
              <a:rPr lang="da-DK" sz="1400" dirty="0"/>
              <a:t>, R.W., Buchbinder, R., </a:t>
            </a:r>
            <a:r>
              <a:rPr lang="da-DK" sz="1400" dirty="0" err="1"/>
              <a:t>Beauchamp</a:t>
            </a:r>
            <a:r>
              <a:rPr lang="da-DK" sz="1400" dirty="0"/>
              <a:t>, A. </a:t>
            </a:r>
            <a:r>
              <a:rPr lang="da-DK" sz="1400" i="1" dirty="0"/>
              <a:t>et al.</a:t>
            </a:r>
            <a:r>
              <a:rPr lang="da-DK" sz="1400" dirty="0"/>
              <a:t> </a:t>
            </a:r>
            <a:r>
              <a:rPr lang="da-DK" sz="1400" b="1" dirty="0"/>
              <a:t>The </a:t>
            </a:r>
            <a:r>
              <a:rPr lang="da-DK" sz="1400" b="1" dirty="0" err="1"/>
              <a:t>OPtimising</a:t>
            </a:r>
            <a:r>
              <a:rPr lang="da-DK" sz="1400" b="1" dirty="0"/>
              <a:t> </a:t>
            </a:r>
            <a:r>
              <a:rPr lang="da-DK" sz="1400" b="1" dirty="0" err="1"/>
              <a:t>HEalth</a:t>
            </a:r>
            <a:r>
              <a:rPr lang="da-DK" sz="1400" b="1" dirty="0"/>
              <a:t> </a:t>
            </a:r>
            <a:r>
              <a:rPr lang="da-DK" sz="1400" b="1" dirty="0" err="1"/>
              <a:t>LIterAcy</a:t>
            </a:r>
            <a:r>
              <a:rPr lang="da-DK" sz="1400" b="1" dirty="0"/>
              <a:t> (Ophelia) </a:t>
            </a:r>
            <a:r>
              <a:rPr lang="da-DK" sz="1400" b="1" dirty="0" err="1"/>
              <a:t>process</a:t>
            </a:r>
            <a:r>
              <a:rPr lang="da-DK" sz="1400" dirty="0"/>
              <a:t>: </a:t>
            </a:r>
            <a:r>
              <a:rPr lang="da-DK" sz="1400" dirty="0" err="1"/>
              <a:t>study</a:t>
            </a:r>
            <a:r>
              <a:rPr lang="da-DK" sz="1400" dirty="0"/>
              <a:t> </a:t>
            </a:r>
            <a:r>
              <a:rPr lang="da-DK" sz="1400" dirty="0" err="1"/>
              <a:t>protocol</a:t>
            </a:r>
            <a:r>
              <a:rPr lang="da-DK" sz="1400" dirty="0"/>
              <a:t> for </a:t>
            </a:r>
            <a:r>
              <a:rPr lang="da-DK" sz="1400" dirty="0" err="1"/>
              <a:t>using</a:t>
            </a:r>
            <a:r>
              <a:rPr lang="da-DK" sz="1400" dirty="0"/>
              <a:t> </a:t>
            </a:r>
            <a:r>
              <a:rPr lang="da-DK" sz="1400" dirty="0" err="1"/>
              <a:t>health</a:t>
            </a:r>
            <a:r>
              <a:rPr lang="da-DK" sz="1400" dirty="0"/>
              <a:t> </a:t>
            </a:r>
            <a:r>
              <a:rPr lang="da-DK" sz="1400" dirty="0" err="1"/>
              <a:t>literacy</a:t>
            </a:r>
            <a:r>
              <a:rPr lang="da-DK" sz="1400" dirty="0"/>
              <a:t> profiling and </a:t>
            </a:r>
            <a:r>
              <a:rPr lang="da-DK" sz="1400" dirty="0" err="1"/>
              <a:t>community</a:t>
            </a:r>
            <a:r>
              <a:rPr lang="da-DK" sz="1400" dirty="0"/>
              <a:t> engagement to </a:t>
            </a:r>
            <a:r>
              <a:rPr lang="da-DK" sz="1400" dirty="0" err="1"/>
              <a:t>create</a:t>
            </a:r>
            <a:r>
              <a:rPr lang="da-DK" sz="1400" dirty="0"/>
              <a:t> and </a:t>
            </a:r>
            <a:r>
              <a:rPr lang="da-DK" sz="1400" dirty="0" err="1"/>
              <a:t>implement</a:t>
            </a:r>
            <a:r>
              <a:rPr lang="da-DK" sz="1400" dirty="0"/>
              <a:t> </a:t>
            </a:r>
            <a:r>
              <a:rPr lang="da-DK" sz="1400" dirty="0" err="1"/>
              <a:t>health</a:t>
            </a:r>
            <a:r>
              <a:rPr lang="da-DK" sz="1400" dirty="0"/>
              <a:t> reform. </a:t>
            </a:r>
            <a:r>
              <a:rPr lang="da-DK" sz="1400" i="1" dirty="0"/>
              <a:t>BMC Public Health</a:t>
            </a:r>
            <a:r>
              <a:rPr lang="da-DK" sz="1400" dirty="0"/>
              <a:t> </a:t>
            </a:r>
            <a:r>
              <a:rPr lang="da-DK" sz="1400" b="1" dirty="0"/>
              <a:t>14, </a:t>
            </a:r>
            <a:r>
              <a:rPr lang="da-DK" sz="1400" dirty="0"/>
              <a:t>694 (2014).</a:t>
            </a:r>
          </a:p>
          <a:p>
            <a:pPr>
              <a:lnSpc>
                <a:spcPct val="100000"/>
              </a:lnSpc>
              <a:spcBef>
                <a:spcPts val="0"/>
              </a:spcBef>
            </a:pPr>
            <a:endParaRPr lang="da-DK" sz="1400" dirty="0"/>
          </a:p>
          <a:p>
            <a:pPr>
              <a:lnSpc>
                <a:spcPct val="100000"/>
              </a:lnSpc>
              <a:spcBef>
                <a:spcPts val="0"/>
              </a:spcBef>
            </a:pPr>
            <a:r>
              <a:rPr lang="da-DK" sz="1400" b="1" dirty="0"/>
              <a:t>CHAT (The </a:t>
            </a:r>
            <a:r>
              <a:rPr lang="da-DK" sz="1400" b="1" dirty="0" err="1"/>
              <a:t>Conversational</a:t>
            </a:r>
            <a:r>
              <a:rPr lang="da-DK" sz="1400" b="1" dirty="0"/>
              <a:t> Health </a:t>
            </a:r>
            <a:r>
              <a:rPr lang="da-DK" sz="1400" b="1" dirty="0" err="1"/>
              <a:t>Literacy</a:t>
            </a:r>
            <a:r>
              <a:rPr lang="da-DK" sz="1400" b="1" dirty="0"/>
              <a:t> </a:t>
            </a:r>
            <a:r>
              <a:rPr lang="da-DK" sz="1400" b="1" dirty="0" err="1"/>
              <a:t>Assessment</a:t>
            </a:r>
            <a:r>
              <a:rPr lang="da-DK" sz="1400" b="1" dirty="0"/>
              <a:t> Tool) </a:t>
            </a:r>
            <a:r>
              <a:rPr lang="da-DK" sz="1400" dirty="0"/>
              <a:t>er udarbejdet i Australien af: Jonathan </a:t>
            </a:r>
            <a:r>
              <a:rPr lang="da-DK" sz="1400" dirty="0" err="1"/>
              <a:t>O’Hara</a:t>
            </a:r>
            <a:r>
              <a:rPr lang="da-DK" sz="1400" dirty="0"/>
              <a:t>, Melanie Hawkins, Roy </a:t>
            </a:r>
            <a:r>
              <a:rPr lang="da-DK" sz="1400" dirty="0" err="1"/>
              <a:t>Batterham</a:t>
            </a:r>
            <a:r>
              <a:rPr lang="da-DK" sz="1400" dirty="0"/>
              <a:t>, </a:t>
            </a:r>
            <a:r>
              <a:rPr lang="da-DK" sz="1400" dirty="0" err="1"/>
              <a:t>Sarity</a:t>
            </a:r>
            <a:r>
              <a:rPr lang="da-DK" sz="1400" dirty="0"/>
              <a:t> </a:t>
            </a:r>
            <a:r>
              <a:rPr lang="da-DK" sz="1400" dirty="0" err="1"/>
              <a:t>Dodson</a:t>
            </a:r>
            <a:r>
              <a:rPr lang="da-DK" sz="1400" dirty="0"/>
              <a:t>, Richard H Osborne &amp; Alison </a:t>
            </a:r>
            <a:r>
              <a:rPr lang="da-DK" sz="1400" dirty="0" err="1"/>
              <a:t>Beauchamp</a:t>
            </a:r>
            <a:r>
              <a:rPr lang="da-DK" sz="1400" dirty="0"/>
              <a:t>. Dansk oversættelse og bearbejdning samt anbefalinger for implementering er udarbejdet af: Nanna Husted Jensen (naje@ph.au.dk), Anna Aaby (aaby@ph.au.dk) &amp; Helle Terkildsen Maindal (</a:t>
            </a:r>
            <a:r>
              <a:rPr lang="da-DK" sz="1400" dirty="0">
                <a:hlinkClick r:id="rId3"/>
              </a:rPr>
              <a:t>htm@ph.au.dk</a:t>
            </a:r>
            <a:r>
              <a:rPr lang="da-DK" sz="1400" dirty="0"/>
              <a:t>)</a:t>
            </a:r>
          </a:p>
          <a:p>
            <a:pPr>
              <a:lnSpc>
                <a:spcPct val="100000"/>
              </a:lnSpc>
              <a:spcBef>
                <a:spcPts val="0"/>
              </a:spcBef>
            </a:pPr>
            <a:endParaRPr lang="da-DK" sz="1400" dirty="0"/>
          </a:p>
          <a:p>
            <a:pPr>
              <a:lnSpc>
                <a:spcPct val="100000"/>
              </a:lnSpc>
              <a:spcBef>
                <a:spcPts val="0"/>
              </a:spcBef>
            </a:pPr>
            <a:r>
              <a:rPr lang="da-DK" sz="1400" b="1" dirty="0"/>
              <a:t>OS! Et værktøj til udvikling af organisatorisk sundhedskompetence </a:t>
            </a:r>
            <a:r>
              <a:rPr lang="da-DK" sz="1400" dirty="0"/>
              <a:t>er en videreudvikling af ’the </a:t>
            </a:r>
            <a:r>
              <a:rPr lang="da-DK" sz="1400" dirty="0" err="1"/>
              <a:t>Organisational</a:t>
            </a:r>
            <a:r>
              <a:rPr lang="da-DK" sz="1400" dirty="0"/>
              <a:t> Health </a:t>
            </a:r>
            <a:r>
              <a:rPr lang="da-DK" sz="1400" dirty="0" err="1"/>
              <a:t>Literacy</a:t>
            </a:r>
            <a:r>
              <a:rPr lang="da-DK" sz="1400" dirty="0"/>
              <a:t> </a:t>
            </a:r>
            <a:r>
              <a:rPr lang="da-DK" sz="1400" dirty="0" err="1"/>
              <a:t>Responsiveness</a:t>
            </a:r>
            <a:r>
              <a:rPr lang="da-DK" sz="1400" dirty="0"/>
              <a:t> (</a:t>
            </a:r>
            <a:r>
              <a:rPr lang="da-DK" sz="1400" dirty="0" err="1"/>
              <a:t>Org</a:t>
            </a:r>
            <a:r>
              <a:rPr lang="da-DK" sz="1400" dirty="0"/>
              <a:t>-HLR) Self-</a:t>
            </a:r>
            <a:r>
              <a:rPr lang="da-DK" sz="1400" dirty="0" err="1"/>
              <a:t>Assessment</a:t>
            </a:r>
            <a:r>
              <a:rPr lang="da-DK" sz="1400" dirty="0"/>
              <a:t> Tools and User Guide’ på baggrund udviklet i 2018 i Australien af Anita </a:t>
            </a:r>
            <a:r>
              <a:rPr lang="da-DK" sz="1400" dirty="0" err="1"/>
              <a:t>Trezona</a:t>
            </a:r>
            <a:r>
              <a:rPr lang="da-DK" sz="1400" dirty="0"/>
              <a:t>, </a:t>
            </a:r>
            <a:r>
              <a:rPr lang="da-DK" sz="1400" dirty="0" err="1"/>
              <a:t>Sarity</a:t>
            </a:r>
            <a:r>
              <a:rPr lang="da-DK" sz="1400" dirty="0"/>
              <a:t> </a:t>
            </a:r>
            <a:r>
              <a:rPr lang="da-DK" sz="1400" dirty="0" err="1"/>
              <a:t>Dodson</a:t>
            </a:r>
            <a:r>
              <a:rPr lang="da-DK" sz="1400" dirty="0"/>
              <a:t> og Richard H Osborne. Den dansk oversættelse og bearbejdning samt anbefalinger for implementering er udarbejdet af: Anna Aaby (aaby@ph.au.dk) &amp; Helle Terkildsen Maindal (</a:t>
            </a:r>
            <a:r>
              <a:rPr lang="da-DK" sz="1400" dirty="0">
                <a:hlinkClick r:id="rId3"/>
              </a:rPr>
              <a:t>htm@ph.au.dk</a:t>
            </a:r>
            <a:r>
              <a:rPr lang="da-DK" sz="1400" dirty="0"/>
              <a:t>). </a:t>
            </a:r>
          </a:p>
          <a:p>
            <a:pPr marL="0" indent="0">
              <a:lnSpc>
                <a:spcPct val="100000"/>
              </a:lnSpc>
              <a:spcBef>
                <a:spcPts val="0"/>
              </a:spcBef>
              <a:buNone/>
            </a:pPr>
            <a:endParaRPr lang="da-DK" sz="1400" dirty="0"/>
          </a:p>
          <a:p>
            <a:pPr>
              <a:lnSpc>
                <a:spcPct val="100000"/>
              </a:lnSpc>
              <a:spcBef>
                <a:spcPts val="0"/>
              </a:spcBef>
            </a:pPr>
            <a:r>
              <a:rPr lang="en-US" sz="1400" dirty="0"/>
              <a:t>Nutbeam D. </a:t>
            </a:r>
            <a:r>
              <a:rPr lang="en-US" sz="1400" b="1" dirty="0"/>
              <a:t>Health literacy as a public health goal</a:t>
            </a:r>
            <a:r>
              <a:rPr lang="en-US" sz="1400" dirty="0"/>
              <a:t>: a challenge for contemporary health education and communication strategies into the 21st century. 2006.</a:t>
            </a:r>
          </a:p>
          <a:p>
            <a:pPr>
              <a:lnSpc>
                <a:spcPct val="100000"/>
              </a:lnSpc>
              <a:spcBef>
                <a:spcPts val="0"/>
              </a:spcBef>
            </a:pPr>
            <a:endParaRPr lang="da-DK" sz="1400" dirty="0"/>
          </a:p>
        </p:txBody>
      </p:sp>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24</a:t>
            </a:fld>
            <a:endParaRPr lang="da-DK" dirty="0"/>
          </a:p>
        </p:txBody>
      </p:sp>
      <p:sp>
        <p:nvSpPr>
          <p:cNvPr id="5" name="Titel 4"/>
          <p:cNvSpPr>
            <a:spLocks noGrp="1"/>
          </p:cNvSpPr>
          <p:nvPr>
            <p:ph type="title"/>
          </p:nvPr>
        </p:nvSpPr>
        <p:spPr/>
        <p:txBody>
          <a:bodyPr/>
          <a:lstStyle/>
          <a:p>
            <a:r>
              <a:rPr lang="da-DK" dirty="0"/>
              <a:t>Litteratur</a:t>
            </a:r>
          </a:p>
        </p:txBody>
      </p:sp>
    </p:spTree>
    <p:extLst>
      <p:ext uri="{BB962C8B-B14F-4D97-AF65-F5344CB8AC3E}">
        <p14:creationId xmlns:p14="http://schemas.microsoft.com/office/powerpoint/2010/main" val="261445195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indhold 5"/>
          <p:cNvPicPr>
            <a:picLocks noGrp="1" noChangeAspect="1"/>
          </p:cNvPicPr>
          <p:nvPr>
            <p:ph idx="1"/>
          </p:nvPr>
        </p:nvPicPr>
        <p:blipFill>
          <a:blip r:embed="rId3"/>
          <a:stretch>
            <a:fillRect/>
          </a:stretch>
        </p:blipFill>
        <p:spPr>
          <a:xfrm>
            <a:off x="1047510" y="306162"/>
            <a:ext cx="10245330" cy="5793490"/>
          </a:xfrm>
          <a:prstGeom prst="rect">
            <a:avLst/>
          </a:prstGeom>
        </p:spPr>
      </p:pic>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3</a:t>
            </a:fld>
            <a:endParaRPr lang="da-DK" dirty="0"/>
          </a:p>
        </p:txBody>
      </p:sp>
    </p:spTree>
    <p:extLst>
      <p:ext uri="{BB962C8B-B14F-4D97-AF65-F5344CB8AC3E}">
        <p14:creationId xmlns:p14="http://schemas.microsoft.com/office/powerpoint/2010/main" val="92448260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4</a:t>
            </a:fld>
            <a:endParaRPr lang="da-DK" dirty="0"/>
          </a:p>
        </p:txBody>
      </p:sp>
      <p:sp>
        <p:nvSpPr>
          <p:cNvPr id="5" name="Titel 4"/>
          <p:cNvSpPr>
            <a:spLocks noGrp="1"/>
          </p:cNvSpPr>
          <p:nvPr>
            <p:ph type="title"/>
          </p:nvPr>
        </p:nvSpPr>
        <p:spPr/>
        <p:txBody>
          <a:bodyPr/>
          <a:lstStyle/>
          <a:p>
            <a:r>
              <a:rPr lang="da-DK" dirty="0"/>
              <a:t>Hvad er individuel (personlig) sundhedskompetence (Health </a:t>
            </a:r>
            <a:r>
              <a:rPr lang="da-DK" dirty="0" err="1"/>
              <a:t>Literacy</a:t>
            </a:r>
            <a:r>
              <a:rPr lang="da-DK" dirty="0"/>
              <a:t>)</a:t>
            </a:r>
          </a:p>
        </p:txBody>
      </p:sp>
      <p:pic>
        <p:nvPicPr>
          <p:cNvPr id="7" name="Billede 6"/>
          <p:cNvPicPr>
            <a:picLocks noChangeAspect="1"/>
          </p:cNvPicPr>
          <p:nvPr/>
        </p:nvPicPr>
        <p:blipFill>
          <a:blip r:embed="rId3"/>
          <a:stretch>
            <a:fillRect/>
          </a:stretch>
        </p:blipFill>
        <p:spPr>
          <a:xfrm>
            <a:off x="7832157" y="2510768"/>
            <a:ext cx="3143250" cy="3524250"/>
          </a:xfrm>
          <a:prstGeom prst="rect">
            <a:avLst/>
          </a:prstGeom>
        </p:spPr>
      </p:pic>
      <p:pic>
        <p:nvPicPr>
          <p:cNvPr id="10" name="Pladsholder til indhold 9"/>
          <p:cNvPicPr>
            <a:picLocks noGrp="1" noChangeAspect="1"/>
          </p:cNvPicPr>
          <p:nvPr>
            <p:ph idx="1"/>
          </p:nvPr>
        </p:nvPicPr>
        <p:blipFill>
          <a:blip r:embed="rId4"/>
          <a:stretch>
            <a:fillRect/>
          </a:stretch>
        </p:blipFill>
        <p:spPr>
          <a:xfrm>
            <a:off x="564552" y="2542478"/>
            <a:ext cx="6997560" cy="3241357"/>
          </a:xfrm>
          <a:prstGeom prst="rect">
            <a:avLst/>
          </a:prstGeom>
        </p:spPr>
      </p:pic>
    </p:spTree>
    <p:extLst>
      <p:ext uri="{BB962C8B-B14F-4D97-AF65-F5344CB8AC3E}">
        <p14:creationId xmlns:p14="http://schemas.microsoft.com/office/powerpoint/2010/main" val="25062796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og </a:t>
            </a:r>
            <a:r>
              <a:rPr lang="en-US" dirty="0" err="1"/>
              <a:t>hvad</a:t>
            </a:r>
            <a:r>
              <a:rPr lang="en-US" dirty="0"/>
              <a:t> er det </a:t>
            </a:r>
            <a:r>
              <a:rPr lang="en-US" dirty="0" err="1"/>
              <a:t>i</a:t>
            </a:r>
            <a:r>
              <a:rPr lang="en-US" dirty="0"/>
              <a:t> </a:t>
            </a:r>
            <a:r>
              <a:rPr lang="en-US" dirty="0" err="1"/>
              <a:t>praksis</a:t>
            </a:r>
            <a:r>
              <a:rPr lang="en-US" dirty="0"/>
              <a:t>?</a:t>
            </a:r>
            <a:endParaRPr lang="da-DK" dirty="0"/>
          </a:p>
        </p:txBody>
      </p:sp>
      <p:sp>
        <p:nvSpPr>
          <p:cNvPr id="6" name="Content Placeholder 4"/>
          <p:cNvSpPr txBox="1">
            <a:spLocks/>
          </p:cNvSpPr>
          <p:nvPr/>
        </p:nvSpPr>
        <p:spPr bwMode="auto">
          <a:xfrm>
            <a:off x="5159896" y="2060849"/>
            <a:ext cx="6048672" cy="4149789"/>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dirty="0"/>
              <a:t>Sundhedskompetencer er for eksempel afgørende for din patients evne til at:</a:t>
            </a:r>
          </a:p>
          <a:p>
            <a:pPr marL="342900" indent="-342900">
              <a:buFont typeface="Arial" panose="020B0604020202020204" pitchFamily="34" charset="0"/>
              <a:buChar char="•"/>
            </a:pPr>
            <a:r>
              <a:rPr lang="da-DK" dirty="0"/>
              <a:t>Gå i dialog med dig som sundhedsprofessionel</a:t>
            </a:r>
          </a:p>
          <a:p>
            <a:pPr marL="342900" indent="-342900">
              <a:buFont typeface="Arial" panose="020B0604020202020204" pitchFamily="34" charset="0"/>
              <a:buChar char="•"/>
            </a:pPr>
            <a:r>
              <a:rPr lang="da-DK" dirty="0"/>
              <a:t>Tage informerede valg om sin sundhed</a:t>
            </a:r>
          </a:p>
          <a:p>
            <a:pPr marL="342900" indent="-342900">
              <a:buFont typeface="Arial" panose="020B0604020202020204" pitchFamily="34" charset="0"/>
              <a:buChar char="•"/>
            </a:pPr>
            <a:r>
              <a:rPr lang="en-GB" dirty="0" err="1"/>
              <a:t>Passe</a:t>
            </a:r>
            <a:r>
              <a:rPr lang="en-GB" dirty="0"/>
              <a:t> </a:t>
            </a:r>
            <a:r>
              <a:rPr lang="en-GB" dirty="0" err="1"/>
              <a:t>på</a:t>
            </a:r>
            <a:r>
              <a:rPr lang="en-GB" dirty="0"/>
              <a:t> </a:t>
            </a:r>
            <a:r>
              <a:rPr lang="en-GB" dirty="0" err="1"/>
              <a:t>og</a:t>
            </a:r>
            <a:r>
              <a:rPr lang="en-GB" dirty="0"/>
              <a:t> </a:t>
            </a:r>
            <a:r>
              <a:rPr lang="en-GB" dirty="0" err="1"/>
              <a:t>pleje</a:t>
            </a:r>
            <a:r>
              <a:rPr lang="en-GB" dirty="0"/>
              <a:t> sig </a:t>
            </a:r>
            <a:r>
              <a:rPr lang="en-GB" dirty="0" err="1"/>
              <a:t>selv</a:t>
            </a:r>
            <a:r>
              <a:rPr lang="en-GB" dirty="0"/>
              <a:t> </a:t>
            </a:r>
            <a:r>
              <a:rPr lang="en-GB" dirty="0" err="1"/>
              <a:t>derhjemme</a:t>
            </a:r>
            <a:endParaRPr lang="en-GB" dirty="0"/>
          </a:p>
          <a:p>
            <a:pPr marL="342900" indent="-342900">
              <a:buFont typeface="Arial" panose="020B0604020202020204" pitchFamily="34" charset="0"/>
              <a:buChar char="•"/>
            </a:pPr>
            <a:r>
              <a:rPr lang="en-GB" dirty="0" err="1"/>
              <a:t>Anvende</a:t>
            </a:r>
            <a:r>
              <a:rPr lang="en-GB" dirty="0"/>
              <a:t> </a:t>
            </a:r>
            <a:r>
              <a:rPr lang="en-GB" dirty="0" err="1"/>
              <a:t>digitale</a:t>
            </a:r>
            <a:r>
              <a:rPr lang="en-GB" dirty="0"/>
              <a:t> </a:t>
            </a:r>
            <a:r>
              <a:rPr lang="en-GB" dirty="0" err="1"/>
              <a:t>sundhedsmedier</a:t>
            </a:r>
            <a:endParaRPr lang="en-GB" dirty="0"/>
          </a:p>
          <a:p>
            <a:pPr marL="342900" indent="-342900">
              <a:buFont typeface="Arial" panose="020B0604020202020204" pitchFamily="34" charset="0"/>
              <a:buChar char="•"/>
            </a:pPr>
            <a:r>
              <a:rPr lang="en-GB" dirty="0" err="1"/>
              <a:t>Tilgå</a:t>
            </a:r>
            <a:r>
              <a:rPr lang="en-GB" dirty="0"/>
              <a:t> </a:t>
            </a:r>
            <a:r>
              <a:rPr lang="en-GB" dirty="0" err="1"/>
              <a:t>og</a:t>
            </a:r>
            <a:r>
              <a:rPr lang="en-GB" dirty="0"/>
              <a:t> </a:t>
            </a:r>
            <a:r>
              <a:rPr lang="en-GB" dirty="0" err="1"/>
              <a:t>navigere</a:t>
            </a:r>
            <a:r>
              <a:rPr lang="en-GB" dirty="0"/>
              <a:t> </a:t>
            </a:r>
            <a:r>
              <a:rPr lang="en-GB" dirty="0" err="1"/>
              <a:t>i</a:t>
            </a:r>
            <a:r>
              <a:rPr lang="en-GB" dirty="0"/>
              <a:t> </a:t>
            </a:r>
            <a:r>
              <a:rPr lang="en-GB" dirty="0" err="1"/>
              <a:t>relevante</a:t>
            </a:r>
            <a:r>
              <a:rPr lang="en-GB" dirty="0"/>
              <a:t> </a:t>
            </a:r>
            <a:r>
              <a:rPr lang="en-GB" dirty="0" err="1"/>
              <a:t>sundhedstilbud</a:t>
            </a:r>
            <a:endParaRPr lang="en-GB" dirty="0"/>
          </a:p>
          <a:p>
            <a:pPr marL="342900" indent="-342900">
              <a:buFont typeface="Arial" panose="020B0604020202020204" pitchFamily="34" charset="0"/>
              <a:buChar char="•"/>
            </a:pPr>
            <a:r>
              <a:rPr lang="en-GB" dirty="0" err="1"/>
              <a:t>Forstå</a:t>
            </a:r>
            <a:r>
              <a:rPr lang="en-GB" dirty="0"/>
              <a:t> og </a:t>
            </a:r>
            <a:r>
              <a:rPr lang="en-GB" dirty="0" err="1"/>
              <a:t>vurdere</a:t>
            </a:r>
            <a:r>
              <a:rPr lang="en-GB" dirty="0"/>
              <a:t> </a:t>
            </a:r>
            <a:r>
              <a:rPr lang="en-GB" dirty="0" err="1"/>
              <a:t>kvaliteten</a:t>
            </a:r>
            <a:r>
              <a:rPr lang="en-GB" dirty="0"/>
              <a:t> </a:t>
            </a:r>
            <a:r>
              <a:rPr lang="en-GB" dirty="0" err="1"/>
              <a:t>af</a:t>
            </a:r>
            <a:r>
              <a:rPr lang="en-GB" dirty="0"/>
              <a:t> </a:t>
            </a:r>
            <a:r>
              <a:rPr lang="en-GB" dirty="0" err="1"/>
              <a:t>sundhedsbudskaber</a:t>
            </a:r>
            <a:r>
              <a:rPr lang="en-GB" dirty="0"/>
              <a:t> i det </a:t>
            </a:r>
            <a:r>
              <a:rPr lang="en-GB" dirty="0" err="1"/>
              <a:t>offentlige</a:t>
            </a:r>
            <a:r>
              <a:rPr lang="en-GB" dirty="0"/>
              <a:t> rum, </a:t>
            </a:r>
            <a:r>
              <a:rPr lang="en-GB" dirty="0" err="1"/>
              <a:t>på</a:t>
            </a:r>
            <a:r>
              <a:rPr lang="en-GB" dirty="0"/>
              <a:t> google, </a:t>
            </a:r>
            <a:r>
              <a:rPr lang="en-GB" dirty="0" err="1"/>
              <a:t>i</a:t>
            </a:r>
            <a:r>
              <a:rPr lang="en-GB" dirty="0"/>
              <a:t> tv.</a:t>
            </a:r>
            <a:endParaRPr lang="da-DK" dirty="0"/>
          </a:p>
        </p:txBody>
      </p:sp>
      <p:pic>
        <p:nvPicPr>
          <p:cNvPr id="8" name="Billed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135560" y="2204864"/>
            <a:ext cx="1778842" cy="3181174"/>
          </a:xfrm>
          <a:prstGeom prst="rect">
            <a:avLst/>
          </a:prstGeom>
        </p:spPr>
      </p:pic>
    </p:spTree>
    <p:custDataLst>
      <p:tags r:id="rId1"/>
    </p:custDataLst>
    <p:extLst>
      <p:ext uri="{BB962C8B-B14F-4D97-AF65-F5344CB8AC3E}">
        <p14:creationId xmlns:p14="http://schemas.microsoft.com/office/powerpoint/2010/main" val="20030201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6">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p:cNvPicPr>
            <a:picLocks noChangeAspect="1"/>
          </p:cNvPicPr>
          <p:nvPr/>
        </p:nvPicPr>
        <p:blipFill>
          <a:blip r:embed="rId3"/>
          <a:stretch>
            <a:fillRect/>
          </a:stretch>
        </p:blipFill>
        <p:spPr>
          <a:xfrm>
            <a:off x="7058346" y="3298825"/>
            <a:ext cx="4685015" cy="2543175"/>
          </a:xfrm>
          <a:prstGeom prst="rect">
            <a:avLst/>
          </a:prstGeom>
        </p:spPr>
      </p:pic>
      <p:sp>
        <p:nvSpPr>
          <p:cNvPr id="2" name="Pladsholder til indhold 1"/>
          <p:cNvSpPr>
            <a:spLocks noGrp="1"/>
          </p:cNvSpPr>
          <p:nvPr>
            <p:ph idx="1"/>
          </p:nvPr>
        </p:nvSpPr>
        <p:spPr/>
        <p:txBody>
          <a:bodyPr/>
          <a:lstStyle/>
          <a:p>
            <a:pPr marL="0" marR="0" lvl="0" indent="0" algn="l" defTabSz="914400" rtl="0" eaLnBrk="1" fontAlgn="auto" latinLnBrk="0" hangingPunct="1">
              <a:lnSpc>
                <a:spcPct val="100000"/>
              </a:lnSpc>
              <a:spcBef>
                <a:spcPts val="0"/>
              </a:spcBef>
              <a:spcAft>
                <a:spcPts val="0"/>
              </a:spcAft>
              <a:buClrTx/>
              <a:buSzTx/>
              <a:buNone/>
              <a:tabLst/>
              <a:defRPr/>
            </a:pPr>
            <a:r>
              <a:rPr lang="da-DK" sz="1800" b="0" i="0" kern="1200" dirty="0">
                <a:solidFill>
                  <a:schemeClr val="tx1"/>
                </a:solidFill>
                <a:effectLst/>
                <a:latin typeface="+mn-lt"/>
                <a:ea typeface="+mn-ea"/>
                <a:cs typeface="+mn-cs"/>
              </a:rPr>
              <a:t>I DK oplever op mod 20% problemer med enten forståelsen af sundhedsinformation eller i interaktionen med sundhedspersonale. </a:t>
            </a:r>
          </a:p>
          <a:p>
            <a:pPr marL="0" indent="0">
              <a:spcBef>
                <a:spcPts val="0"/>
              </a:spcBef>
              <a:buNone/>
            </a:pPr>
            <a:r>
              <a:rPr lang="da-DK" dirty="0"/>
              <a:t> </a:t>
            </a:r>
          </a:p>
          <a:p>
            <a:pPr marL="0" indent="0">
              <a:buNone/>
            </a:pPr>
            <a:r>
              <a:rPr lang="da-DK" dirty="0"/>
              <a:t>Lav sundhedskompetence har sammenhæng med:</a:t>
            </a:r>
          </a:p>
          <a:p>
            <a:pPr>
              <a:spcBef>
                <a:spcPts val="600"/>
              </a:spcBef>
            </a:pPr>
            <a:r>
              <a:rPr lang="da-DK" dirty="0"/>
              <a:t>Utilstrækkelig viden om sundhedsvæsnets brug og muligheder</a:t>
            </a:r>
          </a:p>
          <a:p>
            <a:pPr>
              <a:spcBef>
                <a:spcPts val="600"/>
              </a:spcBef>
            </a:pPr>
            <a:r>
              <a:rPr lang="da-DK" dirty="0"/>
              <a:t>Øget hospitalisering/uhensigtsmæssig brug af sundhedsvæsenet</a:t>
            </a:r>
          </a:p>
          <a:p>
            <a:pPr>
              <a:spcBef>
                <a:spcPts val="600"/>
              </a:spcBef>
            </a:pPr>
            <a:r>
              <a:rPr lang="da-DK" dirty="0"/>
              <a:t>Dårligere selvvurderet helbred</a:t>
            </a:r>
          </a:p>
          <a:p>
            <a:pPr>
              <a:spcBef>
                <a:spcPts val="600"/>
              </a:spcBef>
            </a:pPr>
            <a:r>
              <a:rPr lang="da-DK" dirty="0"/>
              <a:t>Dårligere sundhedsvaner</a:t>
            </a:r>
          </a:p>
          <a:p>
            <a:pPr>
              <a:spcBef>
                <a:spcPts val="600"/>
              </a:spcBef>
            </a:pPr>
            <a:r>
              <a:rPr lang="da-DK" dirty="0"/>
              <a:t>Dårligere reguleret diabetes</a:t>
            </a:r>
          </a:p>
          <a:p>
            <a:pPr>
              <a:spcBef>
                <a:spcPts val="600"/>
              </a:spcBef>
            </a:pPr>
            <a:r>
              <a:rPr lang="da-DK" dirty="0"/>
              <a:t>Øget sygelighed og kortere levetid!</a:t>
            </a:r>
          </a:p>
          <a:p>
            <a:endParaRPr lang="da-DK" dirty="0"/>
          </a:p>
          <a:p>
            <a:endParaRPr lang="da-DK" dirty="0"/>
          </a:p>
          <a:p>
            <a:endParaRPr lang="da-DK" dirty="0"/>
          </a:p>
          <a:p>
            <a:endParaRPr lang="da-DK" dirty="0"/>
          </a:p>
          <a:p>
            <a:endParaRPr lang="da-DK" dirty="0"/>
          </a:p>
          <a:p>
            <a:pPr marL="0" indent="0">
              <a:buNone/>
            </a:pPr>
            <a:endParaRPr lang="da-DK" dirty="0"/>
          </a:p>
        </p:txBody>
      </p:sp>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6</a:t>
            </a:fld>
            <a:endParaRPr lang="da-DK" dirty="0"/>
          </a:p>
        </p:txBody>
      </p:sp>
      <p:sp>
        <p:nvSpPr>
          <p:cNvPr id="5" name="Titel 4"/>
          <p:cNvSpPr>
            <a:spLocks noGrp="1"/>
          </p:cNvSpPr>
          <p:nvPr>
            <p:ph type="title"/>
          </p:nvPr>
        </p:nvSpPr>
        <p:spPr/>
        <p:txBody>
          <a:bodyPr/>
          <a:lstStyle/>
          <a:p>
            <a:r>
              <a:rPr lang="da-DK" dirty="0"/>
              <a:t>Hvad ved vi om betydningen af individuel sundhedskompetencer</a:t>
            </a:r>
          </a:p>
        </p:txBody>
      </p:sp>
    </p:spTree>
    <p:extLst>
      <p:ext uri="{BB962C8B-B14F-4D97-AF65-F5344CB8AC3E}">
        <p14:creationId xmlns:p14="http://schemas.microsoft.com/office/powerpoint/2010/main" val="290292849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Steno Diabetes Center Sjælland</a:t>
            </a:r>
            <a:endParaRPr lang="da-DK" dirty="0"/>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7</a:t>
            </a:fld>
            <a:endParaRPr lang="da-DK" dirty="0"/>
          </a:p>
        </p:txBody>
      </p:sp>
      <p:sp>
        <p:nvSpPr>
          <p:cNvPr id="5" name="Titel 4"/>
          <p:cNvSpPr>
            <a:spLocks noGrp="1"/>
          </p:cNvSpPr>
          <p:nvPr>
            <p:ph type="title"/>
          </p:nvPr>
        </p:nvSpPr>
        <p:spPr/>
        <p:txBody>
          <a:bodyPr/>
          <a:lstStyle/>
          <a:p>
            <a:r>
              <a:rPr lang="da-DK" sz="3600" dirty="0"/>
              <a:t>Hvad kan sundhedssystemet gøre og hvad er organisatoriske sundhedskompetencer?</a:t>
            </a:r>
          </a:p>
        </p:txBody>
      </p:sp>
      <p:pic>
        <p:nvPicPr>
          <p:cNvPr id="7" name="Pladsholder til indhold 9"/>
          <p:cNvPicPr>
            <a:picLocks noChangeAspect="1"/>
          </p:cNvPicPr>
          <p:nvPr/>
        </p:nvPicPr>
        <p:blipFill>
          <a:blip r:embed="rId3"/>
          <a:stretch>
            <a:fillRect/>
          </a:stretch>
        </p:blipFill>
        <p:spPr>
          <a:xfrm>
            <a:off x="795600" y="3160679"/>
            <a:ext cx="5486400" cy="1409700"/>
          </a:xfrm>
          <a:prstGeom prst="rect">
            <a:avLst/>
          </a:prstGeom>
        </p:spPr>
      </p:pic>
      <p:pic>
        <p:nvPicPr>
          <p:cNvPr id="8" name="Billede 7"/>
          <p:cNvPicPr>
            <a:picLocks noChangeAspect="1"/>
          </p:cNvPicPr>
          <p:nvPr/>
        </p:nvPicPr>
        <p:blipFill>
          <a:blip r:embed="rId4"/>
          <a:stretch>
            <a:fillRect/>
          </a:stretch>
        </p:blipFill>
        <p:spPr>
          <a:xfrm>
            <a:off x="7157585" y="2122454"/>
            <a:ext cx="3076575" cy="3486150"/>
          </a:xfrm>
          <a:prstGeom prst="rect">
            <a:avLst/>
          </a:prstGeom>
        </p:spPr>
      </p:pic>
    </p:spTree>
    <p:extLst>
      <p:ext uri="{BB962C8B-B14F-4D97-AF65-F5344CB8AC3E}">
        <p14:creationId xmlns:p14="http://schemas.microsoft.com/office/powerpoint/2010/main" val="365336739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a:xfrm>
            <a:off x="720000" y="2062800"/>
            <a:ext cx="6531405" cy="3779200"/>
          </a:xfrm>
        </p:spPr>
        <p:txBody>
          <a:bodyPr/>
          <a:lstStyle/>
          <a:p>
            <a:r>
              <a:rPr lang="da-DK" dirty="0"/>
              <a:t>Patientcentrering </a:t>
            </a:r>
          </a:p>
          <a:p>
            <a:r>
              <a:rPr lang="da-DK" dirty="0"/>
              <a:t>Gøre information og tilbud tilgængelige </a:t>
            </a:r>
            <a:r>
              <a:rPr lang="da-DK" sz="1800" b="0" i="0" kern="1200" dirty="0">
                <a:solidFill>
                  <a:schemeClr val="tx1"/>
                </a:solidFill>
                <a:effectLst/>
                <a:latin typeface="+mn-lt"/>
                <a:ea typeface="+mn-ea"/>
                <a:cs typeface="+mn-cs"/>
              </a:rPr>
              <a:t>uanset borgers forudsætninger </a:t>
            </a:r>
            <a:r>
              <a:rPr lang="da-DK" dirty="0"/>
              <a:t> </a:t>
            </a:r>
          </a:p>
          <a:p>
            <a:r>
              <a:rPr lang="da-DK" dirty="0"/>
              <a:t>Samarbejde med relevante samfundsgrupper og eksterne organisationer</a:t>
            </a:r>
          </a:p>
          <a:p>
            <a:r>
              <a:rPr lang="da-DK" dirty="0"/>
              <a:t>Effektive kommunikationsredskaber </a:t>
            </a:r>
          </a:p>
          <a:p>
            <a:r>
              <a:rPr lang="da-DK" dirty="0"/>
              <a:t>Udvikle medarbejderes kompetencer inden for kommunikation, behovsafdækning og individualiseret forløbsplanlægning</a:t>
            </a:r>
          </a:p>
          <a:p>
            <a:r>
              <a:rPr lang="da-DK" dirty="0"/>
              <a:t>Understøttende organisationskultur</a:t>
            </a:r>
          </a:p>
          <a:p>
            <a:endParaRPr lang="da-DK" dirty="0"/>
          </a:p>
        </p:txBody>
      </p:sp>
      <p:sp>
        <p:nvSpPr>
          <p:cNvPr id="3" name="Pladsholder til sidefod 2"/>
          <p:cNvSpPr>
            <a:spLocks noGrp="1"/>
          </p:cNvSpPr>
          <p:nvPr>
            <p:ph type="ftr" sz="quarter" idx="10"/>
          </p:nvPr>
        </p:nvSpPr>
        <p:spPr/>
        <p:txBody>
          <a:bodyPr/>
          <a:lstStyle/>
          <a:p>
            <a:r>
              <a:rPr lang="da-DK" dirty="0"/>
              <a:t>Steno Diabetes Center Sjælland</a:t>
            </a:r>
          </a:p>
        </p:txBody>
      </p:sp>
      <p:sp>
        <p:nvSpPr>
          <p:cNvPr id="4" name="Pladsholder til slidenummer 3"/>
          <p:cNvSpPr>
            <a:spLocks noGrp="1"/>
          </p:cNvSpPr>
          <p:nvPr>
            <p:ph type="sldNum" sz="quarter" idx="11"/>
          </p:nvPr>
        </p:nvSpPr>
        <p:spPr/>
        <p:txBody>
          <a:bodyPr/>
          <a:lstStyle/>
          <a:p>
            <a:r>
              <a:rPr lang="da-DK"/>
              <a:t>Side </a:t>
            </a:r>
            <a:fld id="{E796865E-AA3E-4D37-96EF-D3548B036053}" type="slidenum">
              <a:rPr lang="da-DK" smtClean="0"/>
              <a:pPr/>
              <a:t>8</a:t>
            </a:fld>
            <a:endParaRPr lang="da-DK" dirty="0"/>
          </a:p>
        </p:txBody>
      </p:sp>
      <p:sp>
        <p:nvSpPr>
          <p:cNvPr id="5" name="Titel 4"/>
          <p:cNvSpPr>
            <a:spLocks noGrp="1"/>
          </p:cNvSpPr>
          <p:nvPr>
            <p:ph type="title"/>
          </p:nvPr>
        </p:nvSpPr>
        <p:spPr/>
        <p:txBody>
          <a:bodyPr/>
          <a:lstStyle/>
          <a:p>
            <a:r>
              <a:rPr lang="da-DK" dirty="0"/>
              <a:t>Hvad kendetegner en sundhedskompetent organisation?</a:t>
            </a:r>
          </a:p>
        </p:txBody>
      </p:sp>
      <p:pic>
        <p:nvPicPr>
          <p:cNvPr id="6" name="Billede 5"/>
          <p:cNvPicPr>
            <a:picLocks noChangeAspect="1"/>
          </p:cNvPicPr>
          <p:nvPr/>
        </p:nvPicPr>
        <p:blipFill>
          <a:blip r:embed="rId3"/>
          <a:stretch>
            <a:fillRect/>
          </a:stretch>
        </p:blipFill>
        <p:spPr>
          <a:xfrm>
            <a:off x="7377740" y="2011114"/>
            <a:ext cx="4093535" cy="4088062"/>
          </a:xfrm>
          <a:prstGeom prst="rect">
            <a:avLst/>
          </a:prstGeom>
        </p:spPr>
      </p:pic>
    </p:spTree>
    <p:extLst>
      <p:ext uri="{BB962C8B-B14F-4D97-AF65-F5344CB8AC3E}">
        <p14:creationId xmlns:p14="http://schemas.microsoft.com/office/powerpoint/2010/main" val="11253521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2">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CF2FAAF-817E-9E0E-CAED-9B75F702FF74}"/>
              </a:ext>
            </a:extLst>
          </p:cNvPr>
          <p:cNvSpPr>
            <a:spLocks noGrp="1"/>
          </p:cNvSpPr>
          <p:nvPr>
            <p:ph type="title"/>
          </p:nvPr>
        </p:nvSpPr>
        <p:spPr/>
        <p:txBody>
          <a:bodyPr/>
          <a:lstStyle/>
          <a:p>
            <a:r>
              <a:rPr lang="da-DK" dirty="0"/>
              <a:t>Patientcases fra Slagelse Sårcenter</a:t>
            </a:r>
          </a:p>
        </p:txBody>
      </p:sp>
      <p:sp>
        <p:nvSpPr>
          <p:cNvPr id="4" name="Pladsholder til slidenummer 3">
            <a:extLst>
              <a:ext uri="{FF2B5EF4-FFF2-40B4-BE49-F238E27FC236}">
                <a16:creationId xmlns:a16="http://schemas.microsoft.com/office/drawing/2014/main" id="{79344346-4FF0-5F09-59D7-21D84B72BE2A}"/>
              </a:ext>
            </a:extLst>
          </p:cNvPr>
          <p:cNvSpPr>
            <a:spLocks noGrp="1"/>
          </p:cNvSpPr>
          <p:nvPr>
            <p:ph type="sldNum" sz="quarter" idx="11"/>
          </p:nvPr>
        </p:nvSpPr>
        <p:spPr/>
        <p:txBody>
          <a:bodyPr/>
          <a:lstStyle/>
          <a:p>
            <a:r>
              <a:rPr lang="da-DK"/>
              <a:t>Side </a:t>
            </a:r>
            <a:fld id="{E796865E-AA3E-4D37-96EF-D3548B036053}" type="slidenum">
              <a:rPr lang="da-DK" smtClean="0"/>
              <a:pPr/>
              <a:t>9</a:t>
            </a:fld>
            <a:endParaRPr lang="da-DK" dirty="0"/>
          </a:p>
        </p:txBody>
      </p:sp>
      <p:pic>
        <p:nvPicPr>
          <p:cNvPr id="7" name="Pladsholder til indhold 6">
            <a:extLst>
              <a:ext uri="{FF2B5EF4-FFF2-40B4-BE49-F238E27FC236}">
                <a16:creationId xmlns:a16="http://schemas.microsoft.com/office/drawing/2014/main" id="{9709E982-CC2A-5A6E-792B-C69D8A51BE7C}"/>
              </a:ext>
            </a:extLst>
          </p:cNvPr>
          <p:cNvPicPr>
            <a:picLocks noGrp="1" noChangeAspect="1"/>
          </p:cNvPicPr>
          <p:nvPr>
            <p:ph idx="1"/>
          </p:nvPr>
        </p:nvPicPr>
        <p:blipFill>
          <a:blip r:embed="rId3"/>
          <a:stretch>
            <a:fillRect/>
          </a:stretch>
        </p:blipFill>
        <p:spPr>
          <a:xfrm>
            <a:off x="1156350" y="1611069"/>
            <a:ext cx="9178275" cy="4044664"/>
          </a:xfrm>
        </p:spPr>
      </p:pic>
      <p:sp>
        <p:nvSpPr>
          <p:cNvPr id="8" name="Tekstfelt 7">
            <a:extLst>
              <a:ext uri="{FF2B5EF4-FFF2-40B4-BE49-F238E27FC236}">
                <a16:creationId xmlns:a16="http://schemas.microsoft.com/office/drawing/2014/main" id="{62E6EAE5-4BBA-10BC-62CF-1D169B80011E}"/>
              </a:ext>
            </a:extLst>
          </p:cNvPr>
          <p:cNvSpPr txBox="1"/>
          <p:nvPr/>
        </p:nvSpPr>
        <p:spPr>
          <a:xfrm>
            <a:off x="1599142" y="5940852"/>
            <a:ext cx="10439511" cy="830997"/>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da-DK" sz="1600" dirty="0"/>
              <a:t>Mand 33 år </a:t>
            </a:r>
          </a:p>
          <a:p>
            <a:pPr marL="285750" indent="-285750">
              <a:buFont typeface="Arial" panose="020B0604020202020204" pitchFamily="34" charset="0"/>
              <a:buChar char="•"/>
            </a:pPr>
            <a:r>
              <a:rPr lang="da-DK" sz="1600" dirty="0"/>
              <a:t>2 gang i sårcentret </a:t>
            </a:r>
          </a:p>
          <a:p>
            <a:pPr marL="285750" indent="-285750">
              <a:buFont typeface="Arial" panose="020B0604020202020204" pitchFamily="34" charset="0"/>
              <a:buChar char="•"/>
            </a:pPr>
            <a:r>
              <a:rPr lang="da-DK" sz="1600" dirty="0"/>
              <a:t>Type 2 diabetes og </a:t>
            </a:r>
            <a:r>
              <a:rPr lang="da-DK" sz="1600" dirty="0" err="1"/>
              <a:t>fodsår</a:t>
            </a:r>
            <a:r>
              <a:rPr lang="da-DK" sz="1600" dirty="0"/>
              <a:t> gennem 2 år</a:t>
            </a:r>
          </a:p>
        </p:txBody>
      </p:sp>
    </p:spTree>
    <p:extLst>
      <p:ext uri="{BB962C8B-B14F-4D97-AF65-F5344CB8AC3E}">
        <p14:creationId xmlns:p14="http://schemas.microsoft.com/office/powerpoint/2010/main" val="4058300771"/>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heme/theme1.xml><?xml version="1.0" encoding="utf-8"?>
<a:theme xmlns:a="http://schemas.openxmlformats.org/drawingml/2006/main" name="Steno_PPT">
  <a:themeElements>
    <a:clrScheme name="Steno udvidet">
      <a:dk1>
        <a:srgbClr val="333091"/>
      </a:dk1>
      <a:lt1>
        <a:srgbClr val="FFFFFF"/>
      </a:lt1>
      <a:dk2>
        <a:srgbClr val="595959"/>
      </a:dk2>
      <a:lt2>
        <a:srgbClr val="4BDBC3"/>
      </a:lt2>
      <a:accent1>
        <a:srgbClr val="0085A1"/>
      </a:accent1>
      <a:accent2>
        <a:srgbClr val="FF6D22"/>
      </a:accent2>
      <a:accent3>
        <a:srgbClr val="64BF91"/>
      </a:accent3>
      <a:accent4>
        <a:srgbClr val="D4DF4D"/>
      </a:accent4>
      <a:accent5>
        <a:srgbClr val="6FD4E4"/>
      </a:accent5>
      <a:accent6>
        <a:srgbClr val="C0A494"/>
      </a:accent6>
      <a:hlink>
        <a:srgbClr val="0085A1"/>
      </a:hlink>
      <a:folHlink>
        <a:srgbClr val="866EB3"/>
      </a:folHlink>
    </a:clrScheme>
    <a:fontScheme name="Steno">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Lys violet">
      <a:srgbClr val="866EB3"/>
    </a:custClr>
    <a:custClr name="Lys orange">
      <a:srgbClr val="FC9E77"/>
    </a:custClr>
  </a:custClrLst>
  <a:extLst>
    <a:ext uri="{05A4C25C-085E-4340-85A3-A5531E510DB2}">
      <thm15:themeFamily xmlns:thm15="http://schemas.microsoft.com/office/thememl/2012/main" name="Præsentation1" id="{DA0B4562-63CA-4830-A89C-AB7837BF1BA0}" vid="{C96A8F8B-A454-468E-8B19-095EF2F0229A}"/>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teno_Standardskabelon_Powerpoint_2019</Template>
  <TotalTime>13009</TotalTime>
  <Words>1854</Words>
  <Application>Microsoft Office PowerPoint</Application>
  <PresentationFormat>Widescreen</PresentationFormat>
  <Paragraphs>243</Paragraphs>
  <Slides>24</Slides>
  <Notes>24</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24</vt:i4>
      </vt:variant>
    </vt:vector>
  </HeadingPairs>
  <TitlesOfParts>
    <vt:vector size="30" baseType="lpstr">
      <vt:lpstr>Arial</vt:lpstr>
      <vt:lpstr>Calibri</vt:lpstr>
      <vt:lpstr>Times New Roman</vt:lpstr>
      <vt:lpstr>Verdana</vt:lpstr>
      <vt:lpstr>Wingdings</vt:lpstr>
      <vt:lpstr>Steno_PPT</vt:lpstr>
      <vt:lpstr>Sundhedskompetence i mødet med sårpatienter </vt:lpstr>
      <vt:lpstr>Formålet med dette oplæg</vt:lpstr>
      <vt:lpstr>PowerPoint-præsentation</vt:lpstr>
      <vt:lpstr>Hvad er individuel (personlig) sundhedskompetence (Health Literacy)</vt:lpstr>
      <vt:lpstr>...og hvad er det i praksis?</vt:lpstr>
      <vt:lpstr>Hvad ved vi om betydningen af individuel sundhedskompetencer</vt:lpstr>
      <vt:lpstr>Hvad kan sundhedssystemet gøre og hvad er organisatoriske sundhedskompetencer?</vt:lpstr>
      <vt:lpstr>Hvad kendetegner en sundhedskompetent organisation?</vt:lpstr>
      <vt:lpstr>Patientcases fra Slagelse Sårcenter</vt:lpstr>
      <vt:lpstr>PowerPoint-præsentation</vt:lpstr>
      <vt:lpstr>Refleksion over organisatoriske sundhedskompetencer</vt:lpstr>
      <vt:lpstr>Hvordan arbejder Slagelse Sårcenter med sundhedskompetencer?</vt:lpstr>
      <vt:lpstr>Dialogen om sundhedskompetencer</vt:lpstr>
      <vt:lpstr>Journalisering af sundhedskompetencer</vt:lpstr>
      <vt:lpstr>Opfølgning på sundhedskompetencer</vt:lpstr>
      <vt:lpstr>Foreløbig læring </vt:lpstr>
      <vt:lpstr>Tak for nu</vt:lpstr>
      <vt:lpstr>Backup</vt:lpstr>
      <vt:lpstr>Hvad bestemmer vores individuelle sundhedskompetencer</vt:lpstr>
      <vt:lpstr>Ulighed i sundhed og sundhedskompetencer</vt:lpstr>
      <vt:lpstr>Hvilke mulige gevinster kan vi pege på i at arbejde med sundhedskomptencer</vt:lpstr>
      <vt:lpstr>Konkrete værktøjer: CHAT  Afdækning af støttebehov hos patienter</vt:lpstr>
      <vt:lpstr>Konkrete værktøjer: OS!  Afdækning og udvikling af organisation</vt:lpstr>
      <vt:lpstr>Litteratur</vt:lpstr>
    </vt:vector>
  </TitlesOfParts>
  <Company>Region Sjaellan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Liv Stubbe Østergaard</dc:creator>
  <cp:lastModifiedBy>Liv Stubbe Østergaard</cp:lastModifiedBy>
  <cp:revision>236</cp:revision>
  <cp:lastPrinted>2024-10-21T12:54:12Z</cp:lastPrinted>
  <dcterms:created xsi:type="dcterms:W3CDTF">2020-11-09T13:01:32Z</dcterms:created>
  <dcterms:modified xsi:type="dcterms:W3CDTF">2024-10-22T07:26:45Z</dcterms:modified>
</cp:coreProperties>
</file>